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jpg" ContentType="image/jpeg"/>
  <Override PartName="/ppt/presentation.xml" ContentType="application/vnd.openxmlformats-officedocument.presentationml.presentation.main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Layouts/slideLayout26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Layouts/slideLayout27.xml" ContentType="application/vnd.openxmlformats-officedocument.presentationml.slideLayout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notesMasters/notesMaster1.xml" ContentType="application/vnd.openxmlformats-officedocument.presentationml.notesMaster+xml"/>
  <Override PartName="/ppt/theme/theme2.xml" ContentType="application/vnd.openxmlformats-officedocument.theme+xml"/>
  <Override PartName="/ppt/theme/theme3.xml" ContentType="application/vnd.openxmlformats-officedocument.theme+xml"/>
  <Override PartName="/ppt/handoutMasters/handoutMaster1.xml" ContentType="application/vnd.openxmlformats-officedocument.presentationml.handoutMaster+xml"/>
  <Override PartName="/ppt/theme/theme1.xml" ContentType="application/vnd.openxmlformats-officedocument.theme+xml"/>
  <Override PartName="/ppt/presProps.xml" ContentType="application/vnd.openxmlformats-officedocument.presentationml.presProps+xml"/>
  <Override PartName="/ppt/tableStyles.xml" ContentType="application/vnd.openxmlformats-officedocument.presentationml.tableStyles+xml"/>
  <Override PartName="/ppt/viewProps.xml" ContentType="application/vnd.openxmlformats-officedocument.presentationml.viewProps+xml"/>
  <Override PartName="/customXml/itemProps12.xml" ContentType="application/vnd.openxmlformats-officedocument.customXmlProperties+xml"/>
  <Override PartName="/customXml/itemProps16.xml" ContentType="application/vnd.openxmlformats-officedocument.customXmlProperties+xml"/>
  <Override PartName="/customXml/itemProps15.xml" ContentType="application/vnd.openxmlformats-officedocument.customXmlProperties+xml"/>
  <Override PartName="/customXml/itemProps14.xml" ContentType="application/vnd.openxmlformats-officedocument.customXmlProperties+xml"/>
  <Override PartName="/customXml/itemProps13.xml" ContentType="application/vnd.openxmlformats-officedocument.customXmlProperties+xml"/>
  <Override PartName="/customXml/itemProps11.xml" ContentType="application/vnd.openxmlformats-officedocument.customXmlProperties+xml"/>
  <Override PartName="/customXml/itemProps10.xml" ContentType="application/vnd.openxmlformats-officedocument.customXmlProperties+xml"/>
  <Override PartName="/customXml/itemProps9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customXml/itemProps8.xml" ContentType="application/vnd.openxmlformats-officedocument.customXmlProperties+xml"/>
  <Override PartName="/docProps/custom.xml" ContentType="application/vnd.openxmlformats-officedocument.custom-properties+xml"/>
  <Override PartName="/customXml/itemProps7.xml" ContentType="application/vnd.openxmlformats-officedocument.customXmlProperties+xml"/>
  <Override PartName="/customXml/itemProps6.xml" ContentType="application/vnd.openxmlformats-officedocument.customXmlProperties+xml"/>
  <Override PartName="/customXml/itemProps5.xml" ContentType="application/vnd.openxmlformats-officedocument.customXmlProperties+xml"/>
  <Override PartName="/customXml/itemProps4.xml" ContentType="application/vnd.openxmlformats-officedocument.customXmlProperties+xml"/>
  <Override PartName="/customXml/itemProps3.xml" ContentType="application/vnd.openxmlformats-officedocument.customXmlProperties+xml"/>
  <Override PartName="/customXml/itemProps2.xml" ContentType="application/vnd.openxmlformats-officedocument.customXmlProperties+xml"/>
  <Override PartName="/customXml/itemProps1.xml" ContentType="application/vnd.openxmlformats-officedocument.customXmlProperties+xml"/>
  <Override PartName="/customXml/itemProps18.xml" ContentType="application/vnd.openxmlformats-officedocument.customXmlProperties+xml"/>
  <Override PartName="/customXml/itemProps17.xml" ContentType="application/vnd.openxmlformats-officedocument.customXmlProperties+xml"/>
  <Override PartName="/customXml/itemProps19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7"/>
  </p:sldMasterIdLst>
  <p:notesMasterIdLst>
    <p:notesMasterId r:id="rId32"/>
  </p:notesMasterIdLst>
  <p:handoutMasterIdLst>
    <p:handoutMasterId r:id="rId33"/>
  </p:handoutMasterIdLst>
  <p:sldIdLst>
    <p:sldId id="280" r:id="rId18"/>
    <p:sldId id="3455" r:id="rId19"/>
    <p:sldId id="3454" r:id="rId20"/>
    <p:sldId id="3465" r:id="rId21"/>
    <p:sldId id="3471" r:id="rId22"/>
    <p:sldId id="3483" r:id="rId23"/>
    <p:sldId id="3485" r:id="rId24"/>
    <p:sldId id="3487" r:id="rId25"/>
    <p:sldId id="3478" r:id="rId26"/>
    <p:sldId id="3479" r:id="rId27"/>
    <p:sldId id="3480" r:id="rId28"/>
    <p:sldId id="3482" r:id="rId29"/>
    <p:sldId id="3486" r:id="rId30"/>
    <p:sldId id="3488" r:id="rId3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6083" autoAdjust="0"/>
  </p:normalViewPr>
  <p:slideViewPr>
    <p:cSldViewPr snapToGrid="0" showGuides="1">
      <p:cViewPr varScale="1">
        <p:scale>
          <a:sx n="80" d="100"/>
          <a:sy n="80" d="100"/>
        </p:scale>
        <p:origin x="53" y="235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9" Type="http://schemas.openxmlformats.org/officeDocument/2006/relationships/customXml" Target="../customXml/item18.xml"/><Relationship Id="rId21" Type="http://schemas.openxmlformats.org/officeDocument/2006/relationships/slide" Target="slides/slide4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handoutMaster" Target="handoutMasters/handoutMaster1.xml"/><Relationship Id="rId38" Type="http://schemas.openxmlformats.org/officeDocument/2006/relationships/customXml" Target="../customXml/item1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notesMaster" Target="notesMasters/notesMaster1.xml"/><Relationship Id="rId37" Type="http://schemas.openxmlformats.org/officeDocument/2006/relationships/tableStyles" Target="tableStyles.xml"/><Relationship Id="rId40" Type="http://schemas.openxmlformats.org/officeDocument/2006/relationships/customXml" Target="../customXml/item19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slide" Target="slides/slide13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8/09/2022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28/09/2022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11.jp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12.jp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emf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12" Type="http://schemas.openxmlformats.org/officeDocument/2006/relationships/image" Target="../media/image25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9.pn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4.emf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 ver.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Date Placeholder 3" hidden="1">
            <a:extLst>
              <a:ext uri="{FF2B5EF4-FFF2-40B4-BE49-F238E27FC236}">
                <a16:creationId xmlns:a16="http://schemas.microsoft.com/office/drawing/2014/main" id="{7AEEEBB1-3A26-4EB0-A9B0-CE0EE342F4E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7" name="Footer Placeholder 4" hidden="1">
            <a:extLst>
              <a:ext uri="{FF2B5EF4-FFF2-40B4-BE49-F238E27FC236}">
                <a16:creationId xmlns:a16="http://schemas.microsoft.com/office/drawing/2014/main" id="{E97B93D8-FB04-4078-95B9-5AAF5D736A4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8" name="Slide Number Placeholder 5" hidden="1">
            <a:extLst>
              <a:ext uri="{FF2B5EF4-FFF2-40B4-BE49-F238E27FC236}">
                <a16:creationId xmlns:a16="http://schemas.microsoft.com/office/drawing/2014/main" id="{088DDF81-8C54-4915-8516-F84C9DBB77D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5" name="Grafik">
            <a:extLst>
              <a:ext uri="{FF2B5EF4-FFF2-40B4-BE49-F238E27FC236}">
                <a16:creationId xmlns:a16="http://schemas.microsoft.com/office/drawing/2014/main" id="{4E3CFF5D-1741-346F-9069-9944027B358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4800" y="0"/>
            <a:ext cx="12196800" cy="68607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2399" y="2184850"/>
            <a:ext cx="8402400" cy="1136327"/>
          </a:xfrm>
        </p:spPr>
        <p:txBody>
          <a:bodyPr anchor="b"/>
          <a:lstStyle>
            <a:lvl1pPr algn="l">
              <a:lnSpc>
                <a:spcPct val="87000"/>
              </a:lnSpc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2399" y="3416400"/>
            <a:ext cx="8402400" cy="875354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200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Klik for at tilføje undertitel</a:t>
            </a:r>
            <a:endParaRPr lang="en-GB"/>
          </a:p>
        </p:txBody>
      </p:sp>
      <p:sp>
        <p:nvSpPr>
          <p:cNvPr id="11" name="text" descr="{&quot;templafy&quot;:{&quot;id&quot;:&quot;6c9fb041-8f19-48ee-9f66-99ecec7ed498&quot;}}" title="UserProfile.Street.Department_{{DocumentLanguage}}">
            <a:extLst>
              <a:ext uri="{FF2B5EF4-FFF2-40B4-BE49-F238E27FC236}">
                <a16:creationId xmlns:a16="http://schemas.microsoft.com/office/drawing/2014/main" id="{F4A62D02-9CEE-4C61-8ED1-E2CEC694FA5F}"/>
              </a:ext>
            </a:extLst>
          </p:cNvPr>
          <p:cNvSpPr/>
          <p:nvPr userDrawn="1"/>
        </p:nvSpPr>
        <p:spPr>
          <a:xfrm>
            <a:off x="6110859" y="6162345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13" name="name" descr="{&quot;templafy&quot;:{&quot;id&quot;:&quot;2ba7d483-1a6d-4c8c-be7a-1b2f9555209e&quot;}}" title="UserProfile.Name">
            <a:extLst>
              <a:ext uri="{FF2B5EF4-FFF2-40B4-BE49-F238E27FC236}">
                <a16:creationId xmlns:a16="http://schemas.microsoft.com/office/drawing/2014/main" id="{E45729F4-332E-4A76-ABB0-7FCBF3868006}"/>
              </a:ext>
            </a:extLst>
          </p:cNvPr>
          <p:cNvSpPr/>
          <p:nvPr userDrawn="1"/>
        </p:nvSpPr>
        <p:spPr>
          <a:xfrm>
            <a:off x="6110859" y="6016601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sp>
        <p:nvSpPr>
          <p:cNvPr id="15" name="date" descr="{&quot;templafy&quot;:{&quot;id&quot;:&quot;808c4f7b-dee1-4289-a783-366d263722e8&quot;}}" title="Form.Date">
            <a:extLst>
              <a:ext uri="{FF2B5EF4-FFF2-40B4-BE49-F238E27FC236}">
                <a16:creationId xmlns:a16="http://schemas.microsoft.com/office/drawing/2014/main" id="{348815CD-58ED-4682-86DD-E7001C44AB80}"/>
              </a:ext>
            </a:extLst>
          </p:cNvPr>
          <p:cNvSpPr/>
          <p:nvPr userDrawn="1"/>
        </p:nvSpPr>
        <p:spPr>
          <a:xfrm>
            <a:off x="6110859" y="5870428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900" b="1" noProof="0" dirty="0">
              <a:solidFill>
                <a:schemeClr val="accent1"/>
              </a:solidFill>
            </a:endParaRPr>
          </a:p>
        </p:txBody>
      </p:sp>
      <p:pic>
        <p:nvPicPr>
          <p:cNvPr id="784193841" name="image" descr="{&quot;templafy&quot;:{&quot;id&quot;:&quot;9225c919-5532-4893-9a41-e86f8e64d2f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976000"/>
            <a:ext cx="2041463" cy="32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sobjekt og bille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A6716C21-5346-0783-1F86-5E25954F41E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Rektangel 8">
            <a:extLst>
              <a:ext uri="{FF2B5EF4-FFF2-40B4-BE49-F238E27FC236}">
                <a16:creationId xmlns:a16="http://schemas.microsoft.com/office/drawing/2014/main" id="{F72AC8EA-FB10-1471-7251-25B2BC76E4FB}"/>
              </a:ext>
            </a:extLst>
          </p:cNvPr>
          <p:cNvSpPr/>
          <p:nvPr userDrawn="1"/>
        </p:nvSpPr>
        <p:spPr>
          <a:xfrm rot="18900000">
            <a:off x="8532000" y="-1530000"/>
            <a:ext cx="3042498" cy="3042498"/>
          </a:xfrm>
          <a:custGeom>
            <a:avLst/>
            <a:gdLst>
              <a:gd name="connsiteX0" fmla="*/ 0 w 839893"/>
              <a:gd name="connsiteY0" fmla="*/ 0 h 839893"/>
              <a:gd name="connsiteX1" fmla="*/ 839893 w 839893"/>
              <a:gd name="connsiteY1" fmla="*/ 0 h 839893"/>
              <a:gd name="connsiteX2" fmla="*/ 839893 w 839893"/>
              <a:gd name="connsiteY2" fmla="*/ 839893 h 839893"/>
              <a:gd name="connsiteX3" fmla="*/ 0 w 839893"/>
              <a:gd name="connsiteY3" fmla="*/ 839893 h 839893"/>
              <a:gd name="connsiteX4" fmla="*/ 0 w 839893"/>
              <a:gd name="connsiteY4" fmla="*/ 0 h 839893"/>
              <a:gd name="connsiteX0" fmla="*/ 0 w 839893"/>
              <a:gd name="connsiteY0" fmla="*/ 0 h 839893"/>
              <a:gd name="connsiteX1" fmla="*/ 426720 w 839893"/>
              <a:gd name="connsiteY1" fmla="*/ 406400 h 839893"/>
              <a:gd name="connsiteX2" fmla="*/ 839893 w 839893"/>
              <a:gd name="connsiteY2" fmla="*/ 839893 h 839893"/>
              <a:gd name="connsiteX3" fmla="*/ 0 w 839893"/>
              <a:gd name="connsiteY3" fmla="*/ 839893 h 839893"/>
              <a:gd name="connsiteX4" fmla="*/ 0 w 839893"/>
              <a:gd name="connsiteY4" fmla="*/ 0 h 839893"/>
              <a:gd name="connsiteX0" fmla="*/ 0 w 839893"/>
              <a:gd name="connsiteY0" fmla="*/ 0 h 839893"/>
              <a:gd name="connsiteX1" fmla="*/ 417121 w 839893"/>
              <a:gd name="connsiteY1" fmla="*/ 415959 h 839893"/>
              <a:gd name="connsiteX2" fmla="*/ 839893 w 839893"/>
              <a:gd name="connsiteY2" fmla="*/ 839893 h 839893"/>
              <a:gd name="connsiteX3" fmla="*/ 0 w 839893"/>
              <a:gd name="connsiteY3" fmla="*/ 839893 h 839893"/>
              <a:gd name="connsiteX4" fmla="*/ 0 w 839893"/>
              <a:gd name="connsiteY4" fmla="*/ 0 h 8398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39893" h="839893">
                <a:moveTo>
                  <a:pt x="0" y="0"/>
                </a:moveTo>
                <a:lnTo>
                  <a:pt x="417121" y="415959"/>
                </a:lnTo>
                <a:lnTo>
                  <a:pt x="839893" y="839893"/>
                </a:lnTo>
                <a:lnTo>
                  <a:pt x="0" y="839893"/>
                </a:lnTo>
                <a:lnTo>
                  <a:pt x="0" y="0"/>
                </a:lnTo>
                <a:close/>
              </a:path>
            </a:pathLst>
          </a:custGeom>
          <a:gradFill flip="none" rotWithShape="0">
            <a:gsLst>
              <a:gs pos="0">
                <a:schemeClr val="accent1"/>
              </a:gs>
              <a:gs pos="100000">
                <a:srgbClr val="0096A0"/>
              </a:gs>
            </a:gsLst>
            <a:lin ang="54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2399" y="540000"/>
            <a:ext cx="5745600" cy="910800"/>
          </a:xfrm>
        </p:spPr>
        <p:txBody>
          <a:bodyPr/>
          <a:lstStyle/>
          <a:p>
            <a:r>
              <a:rPr lang="en-GB" noProof="0" dirty="0"/>
              <a:t>Klik for at indsætte titel</a:t>
            </a:r>
            <a:endParaRPr lang="en-GB"/>
          </a:p>
        </p:txBody>
      </p:sp>
      <p:sp>
        <p:nvSpPr>
          <p:cNvPr id="14" name="Content Placeholder 6">
            <a:extLst>
              <a:ext uri="{FF2B5EF4-FFF2-40B4-BE49-F238E27FC236}">
                <a16:creationId xmlns:a16="http://schemas.microsoft.com/office/drawing/2014/main" id="{7D039E4C-0343-46E8-B632-6DFF92FBF493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572400" y="1658939"/>
            <a:ext cx="5745600" cy="4054260"/>
          </a:xfrm>
        </p:spPr>
        <p:txBody>
          <a:bodyPr/>
          <a:lstStyle/>
          <a:p>
            <a:pPr lvl="0"/>
            <a:r>
              <a:rPr lang="en-GB" noProof="0" dirty="0"/>
              <a:t>Klik for at tilføje tekst</a:t>
            </a:r>
            <a:endParaRPr lang="en-GB" dirty="0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668E8CF5-C426-4878-8555-FDCEE19AE4AE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638400" y="428400"/>
            <a:ext cx="3420000" cy="3420000"/>
          </a:xfrm>
          <a:prstGeom prst="diamond">
            <a:avLst/>
          </a:prstGeom>
          <a:noFill/>
        </p:spPr>
        <p:txBody>
          <a:bodyPr lIns="72000" tIns="0" rIns="72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Klik på billederammen for at indsætte et billede – via Templafy</a:t>
            </a:r>
            <a:endParaRPr lang="en-GB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D3CC8A7A-98C8-1554-F468-E98F3547D417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9205200" y="1274400"/>
            <a:ext cx="2986800" cy="3420000"/>
          </a:xfrm>
          <a:custGeom>
            <a:avLst/>
            <a:gdLst>
              <a:gd name="connsiteX0" fmla="*/ 1710000 w 2986800"/>
              <a:gd name="connsiteY0" fmla="*/ 0 h 3420000"/>
              <a:gd name="connsiteX1" fmla="*/ 2986800 w 2986800"/>
              <a:gd name="connsiteY1" fmla="*/ 1276800 h 3420000"/>
              <a:gd name="connsiteX2" fmla="*/ 2986800 w 2986800"/>
              <a:gd name="connsiteY2" fmla="*/ 2143200 h 3420000"/>
              <a:gd name="connsiteX3" fmla="*/ 1710000 w 2986800"/>
              <a:gd name="connsiteY3" fmla="*/ 3420000 h 3420000"/>
              <a:gd name="connsiteX4" fmla="*/ 0 w 2986800"/>
              <a:gd name="connsiteY4" fmla="*/ 1710000 h 342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86800" h="3420000">
                <a:moveTo>
                  <a:pt x="1710000" y="0"/>
                </a:moveTo>
                <a:lnTo>
                  <a:pt x="2986800" y="1276800"/>
                </a:lnTo>
                <a:lnTo>
                  <a:pt x="2986800" y="2143200"/>
                </a:lnTo>
                <a:lnTo>
                  <a:pt x="1710000" y="3420000"/>
                </a:lnTo>
                <a:lnTo>
                  <a:pt x="0" y="1710000"/>
                </a:lnTo>
                <a:close/>
              </a:path>
            </a:pathLst>
          </a:custGeom>
          <a:noFill/>
        </p:spPr>
        <p:txBody>
          <a:bodyPr wrap="square" lIns="792000" tIns="900000" rIns="576000" anchor="t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Klik på billederammen for at indsætte et billede – via Templafy</a:t>
            </a:r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1B57671-5B7E-1147-3A85-EA6D223444E7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25B7A54-6EA8-075F-9A1A-141360CCB58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1099973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sobjekt og 3 bille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E12AEF02-8E83-8B44-978D-90CB6068501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Baggrund">
            <a:extLst>
              <a:ext uri="{FF2B5EF4-FFF2-40B4-BE49-F238E27FC236}">
                <a16:creationId xmlns:a16="http://schemas.microsoft.com/office/drawing/2014/main" id="{33E21B8F-FB20-1590-E55A-48CF3B1C91A3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>
            <a:gsLst>
              <a:gs pos="0">
                <a:schemeClr val="accent2"/>
              </a:gs>
              <a:gs pos="30000">
                <a:schemeClr val="bg1"/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text" descr="{&quot;templafy&quot;:{&quot;id&quot;:&quot;57acf30c-7fb3-4d41-8e06-af68bd17025a&quot;}}" title="UserProfile.Street.Department_{{DocumentLanguage}}">
            <a:extLst>
              <a:ext uri="{FF2B5EF4-FFF2-40B4-BE49-F238E27FC236}">
                <a16:creationId xmlns:a16="http://schemas.microsoft.com/office/drawing/2014/main" id="{0CEB194C-5244-26C9-1E6B-2D9504D14DD1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11" name="name" descr="{&quot;templafy&quot;:{&quot;id&quot;:&quot;7f88d397-8364-4ba7-b669-e19086cf980a&quot;}}" title="UserProfile.Name">
            <a:extLst>
              <a:ext uri="{FF2B5EF4-FFF2-40B4-BE49-F238E27FC236}">
                <a16:creationId xmlns:a16="http://schemas.microsoft.com/office/drawing/2014/main" id="{0890BE9F-C82E-9006-F1BE-E4A824EAB0FF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pic>
        <p:nvPicPr>
          <p:cNvPr id="1504989593" name="image" descr="{&quot;templafy&quot;:{&quot;id&quot;:&quot;796f899b-698b-4297-ba0c-1885ff858ca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2400" y="5976000"/>
            <a:ext cx="2048823" cy="324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07531AE1-33AF-6A94-14C4-03A98992A36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 algn="ctr">
              <a:defRPr/>
            </a:lvl1pPr>
          </a:lstStyle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C2CB922A-3EE0-51A4-5A65-6420E372615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058978" y="4161429"/>
            <a:ext cx="2876329" cy="1550396"/>
          </a:xfrm>
        </p:spPr>
        <p:txBody>
          <a:bodyPr/>
          <a:lstStyle>
            <a:lvl1pPr marL="0" indent="0" algn="ctr">
              <a:lnSpc>
                <a:spcPct val="99000"/>
              </a:lnSpc>
              <a:spcAft>
                <a:spcPts val="600"/>
              </a:spcAft>
              <a:buFont typeface="Arial" panose="020B0604020202020204" pitchFamily="34" charset="0"/>
              <a:buNone/>
              <a:defRPr sz="1600" b="0"/>
            </a:lvl1pPr>
            <a:lvl2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2pPr>
            <a:lvl3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3pPr>
            <a:lvl4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4pPr>
            <a:lvl5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5pPr>
            <a:lvl6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6pPr>
            <a:lvl7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7pPr>
            <a:lvl8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8pPr>
            <a:lvl9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</p:txBody>
      </p:sp>
      <p:sp>
        <p:nvSpPr>
          <p:cNvPr id="15" name="Pladsholder til tekst 12">
            <a:extLst>
              <a:ext uri="{FF2B5EF4-FFF2-40B4-BE49-F238E27FC236}">
                <a16:creationId xmlns:a16="http://schemas.microsoft.com/office/drawing/2014/main" id="{4D9A3233-2F47-E61E-AC8D-271B8EA4D0D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661839" y="4161429"/>
            <a:ext cx="2876329" cy="1550396"/>
          </a:xfrm>
        </p:spPr>
        <p:txBody>
          <a:bodyPr/>
          <a:lstStyle>
            <a:lvl1pPr marL="0" indent="0" algn="ctr">
              <a:lnSpc>
                <a:spcPct val="99000"/>
              </a:lnSpc>
              <a:spcAft>
                <a:spcPts val="600"/>
              </a:spcAft>
              <a:buFont typeface="Arial" panose="020B0604020202020204" pitchFamily="34" charset="0"/>
              <a:buNone/>
              <a:defRPr sz="1600" b="0"/>
            </a:lvl1pPr>
            <a:lvl2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2pPr>
            <a:lvl3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3pPr>
            <a:lvl4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4pPr>
            <a:lvl5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5pPr>
            <a:lvl6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6pPr>
            <a:lvl7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7pPr>
            <a:lvl8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8pPr>
            <a:lvl9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</p:txBody>
      </p:sp>
      <p:sp>
        <p:nvSpPr>
          <p:cNvPr id="16" name="Pladsholder til tekst 12">
            <a:extLst>
              <a:ext uri="{FF2B5EF4-FFF2-40B4-BE49-F238E27FC236}">
                <a16:creationId xmlns:a16="http://schemas.microsoft.com/office/drawing/2014/main" id="{970E5DB3-DEFC-2BBC-A7FB-C9654211EFB3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8264700" y="4161429"/>
            <a:ext cx="2876329" cy="1550396"/>
          </a:xfrm>
        </p:spPr>
        <p:txBody>
          <a:bodyPr/>
          <a:lstStyle>
            <a:lvl1pPr marL="0" indent="0" algn="ctr">
              <a:lnSpc>
                <a:spcPct val="99000"/>
              </a:lnSpc>
              <a:spcAft>
                <a:spcPts val="600"/>
              </a:spcAft>
              <a:buFont typeface="Arial" panose="020B0604020202020204" pitchFamily="34" charset="0"/>
              <a:buNone/>
              <a:defRPr sz="1600" b="0"/>
            </a:lvl1pPr>
            <a:lvl2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2pPr>
            <a:lvl3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3pPr>
            <a:lvl4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4pPr>
            <a:lvl5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5pPr>
            <a:lvl6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6pPr>
            <a:lvl7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7pPr>
            <a:lvl8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8pPr>
            <a:lvl9pPr marL="0" indent="0" algn="ctr">
              <a:lnSpc>
                <a:spcPct val="99000"/>
              </a:lnSpc>
              <a:spcAft>
                <a:spcPts val="600"/>
              </a:spcAft>
              <a:buFontTx/>
              <a:buNone/>
              <a:defRPr sz="1600"/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</p:txBody>
      </p:sp>
      <p:sp>
        <p:nvSpPr>
          <p:cNvPr id="17" name="Pladsholder til billede 20">
            <a:extLst>
              <a:ext uri="{FF2B5EF4-FFF2-40B4-BE49-F238E27FC236}">
                <a16:creationId xmlns:a16="http://schemas.microsoft.com/office/drawing/2014/main" id="{EA6A5D12-ACAC-8128-78B0-B6EF3AF583EF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1273142" y="1566656"/>
            <a:ext cx="2448000" cy="2448000"/>
          </a:xfrm>
          <a:prstGeom prst="ellipse">
            <a:avLst/>
          </a:prstGeom>
        </p:spPr>
        <p:txBody>
          <a:bodyPr wrap="square" bIns="792000" rtlCol="0" anchor="ctr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tx1"/>
                </a:solidFill>
              </a:defRPr>
            </a:lvl1pPr>
          </a:lstStyle>
          <a:p>
            <a:pPr rtl="0"/>
            <a:r>
              <a:rPr lang="en-GB" noProof="0" dirty="0"/>
              <a:t>Klik på billederammen for at indsætte et billede – via </a:t>
            </a:r>
            <a:r>
              <a:rPr lang="en-GB" noProof="0" dirty="0" err="1"/>
              <a:t>Templafy</a:t>
            </a:r>
            <a:endParaRPr lang="en-GB" noProof="0" dirty="0"/>
          </a:p>
        </p:txBody>
      </p:sp>
      <p:sp>
        <p:nvSpPr>
          <p:cNvPr id="18" name="Pladsholder til billede 20">
            <a:extLst>
              <a:ext uri="{FF2B5EF4-FFF2-40B4-BE49-F238E27FC236}">
                <a16:creationId xmlns:a16="http://schemas.microsoft.com/office/drawing/2014/main" id="{0B139CE5-55C8-1C10-0196-493F92EC2361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872000" y="1566656"/>
            <a:ext cx="2448000" cy="2448000"/>
          </a:xfrm>
          <a:prstGeom prst="ellipse">
            <a:avLst/>
          </a:prstGeom>
        </p:spPr>
        <p:txBody>
          <a:bodyPr wrap="square" bIns="792000" rtlCol="0" anchor="ctr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tx1"/>
                </a:solidFill>
              </a:defRPr>
            </a:lvl1pPr>
          </a:lstStyle>
          <a:p>
            <a:pPr rtl="0"/>
            <a:r>
              <a:rPr lang="en-GB" noProof="0" dirty="0"/>
              <a:t>Klik på billederammen for at indsætte et billede – via </a:t>
            </a:r>
            <a:r>
              <a:rPr lang="en-GB" noProof="0" dirty="0" err="1"/>
              <a:t>Templafy</a:t>
            </a:r>
            <a:endParaRPr lang="en-GB" noProof="0" dirty="0"/>
          </a:p>
        </p:txBody>
      </p:sp>
      <p:sp>
        <p:nvSpPr>
          <p:cNvPr id="19" name="Pladsholder til billede 20">
            <a:extLst>
              <a:ext uri="{FF2B5EF4-FFF2-40B4-BE49-F238E27FC236}">
                <a16:creationId xmlns:a16="http://schemas.microsoft.com/office/drawing/2014/main" id="{7ED589FC-F465-6CBC-D39E-4935A1D5A85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520740" y="1566656"/>
            <a:ext cx="2448000" cy="2448000"/>
          </a:xfrm>
          <a:prstGeom prst="ellipse">
            <a:avLst/>
          </a:prstGeom>
        </p:spPr>
        <p:txBody>
          <a:bodyPr wrap="square" bIns="792000" rtlCol="0" anchor="ctr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tx1"/>
                </a:solidFill>
              </a:defRPr>
            </a:lvl1pPr>
          </a:lstStyle>
          <a:p>
            <a:pPr rtl="0"/>
            <a:r>
              <a:rPr lang="en-GB" noProof="0" dirty="0"/>
              <a:t>Klik på billederammen for at indsætte et billede – via </a:t>
            </a:r>
            <a:r>
              <a:rPr lang="en-GB" noProof="0" dirty="0" err="1"/>
              <a:t>Templafy</a:t>
            </a:r>
            <a:endParaRPr lang="en-GB" noProof="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CE2E706-1325-CFE9-8DAF-BB9B1BE4DDA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9397C5-9BD4-B6DD-147A-19D415EE6B8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cxnSp>
        <p:nvCxnSpPr>
          <p:cNvPr id="21" name="Lige forbindelse 12">
            <a:extLst>
              <a:ext uri="{FF2B5EF4-FFF2-40B4-BE49-F238E27FC236}">
                <a16:creationId xmlns:a16="http://schemas.microsoft.com/office/drawing/2014/main" id="{5B8C8ADC-C89A-FCE4-C17C-5072CD6EB7CA}"/>
              </a:ext>
            </a:extLst>
          </p:cNvPr>
          <p:cNvCxnSpPr>
            <a:cxnSpLocks/>
          </p:cNvCxnSpPr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268378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5EFB6B25-5517-47BA-9544-F65DF9D91BB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Baggrund">
            <a:extLst>
              <a:ext uri="{FF2B5EF4-FFF2-40B4-BE49-F238E27FC236}">
                <a16:creationId xmlns:a16="http://schemas.microsoft.com/office/drawing/2014/main" id="{F5B71D56-32F6-F75F-2230-BB58C8841336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>
            <a:gsLst>
              <a:gs pos="0">
                <a:schemeClr val="accent2"/>
              </a:gs>
              <a:gs pos="30000">
                <a:schemeClr val="bg1"/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text" descr="{&quot;templafy&quot;:{&quot;id&quot;:&quot;30dfc9df-1824-4f08-a8c9-70240a68799f&quot;}}" title="UserProfile.Street.Department_{{DocumentLanguage}}">
            <a:extLst>
              <a:ext uri="{FF2B5EF4-FFF2-40B4-BE49-F238E27FC236}">
                <a16:creationId xmlns:a16="http://schemas.microsoft.com/office/drawing/2014/main" id="{5AC49C3D-E14E-3958-62AC-EB68ED8DFB27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15" name="name" descr="{&quot;templafy&quot;:{&quot;id&quot;:&quot;244bcf55-c493-48e0-b1b5-43ae56369f38&quot;}}" title="UserProfile.Name">
            <a:extLst>
              <a:ext uri="{FF2B5EF4-FFF2-40B4-BE49-F238E27FC236}">
                <a16:creationId xmlns:a16="http://schemas.microsoft.com/office/drawing/2014/main" id="{0105F052-5775-CF59-B1DD-2CA094F8BBFD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pic>
        <p:nvPicPr>
          <p:cNvPr id="1424996509" name="image" descr="{&quot;templafy&quot;:{&quot;id&quot;:&quot;4053ac59-37d9-40bd-8f11-bbbf8da255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2400" y="5976000"/>
            <a:ext cx="2048823" cy="324000"/>
          </a:xfrm>
          <a:prstGeom prst="rect">
            <a:avLst/>
          </a:prstGeom>
        </p:spPr>
      </p:pic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572399" y="540000"/>
            <a:ext cx="11048400" cy="910800"/>
          </a:xfrm>
        </p:spPr>
        <p:txBody>
          <a:bodyPr/>
          <a:lstStyle/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 hasCustomPrompt="1"/>
          </p:nvPr>
        </p:nvSpPr>
        <p:spPr>
          <a:xfrm>
            <a:off x="572399" y="1659600"/>
            <a:ext cx="5004000" cy="720000"/>
          </a:xfrm>
        </p:spPr>
        <p:txBody>
          <a:bodyPr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20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noProof="0" dirty="0"/>
              <a:t>Klik for at indsætte underoverskrift</a:t>
            </a:r>
            <a:endParaRPr lang="en-GB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 hasCustomPrompt="1"/>
          </p:nvPr>
        </p:nvSpPr>
        <p:spPr>
          <a:xfrm>
            <a:off x="6616800" y="1659600"/>
            <a:ext cx="5004000" cy="720000"/>
          </a:xfrm>
        </p:spPr>
        <p:txBody>
          <a:bodyPr anchor="t" anchorCtr="0"/>
          <a:lstStyle>
            <a:lvl1pPr marL="0" indent="0">
              <a:spcBef>
                <a:spcPts val="0"/>
              </a:spcBef>
              <a:buNone/>
              <a:defRPr sz="20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noProof="0" dirty="0"/>
              <a:t>Klik for at indsætte underoverskrift</a:t>
            </a:r>
            <a:endParaRPr lang="en-GB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AC3481D0-7AAF-47B5-958C-36320CF6F48E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72399" y="2471351"/>
            <a:ext cx="5004000" cy="3243600"/>
          </a:xfrm>
        </p:spPr>
        <p:txBody>
          <a:bodyPr/>
          <a:lstStyle/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4" name="Content Placeholder 6">
            <a:extLst>
              <a:ext uri="{FF2B5EF4-FFF2-40B4-BE49-F238E27FC236}">
                <a16:creationId xmlns:a16="http://schemas.microsoft.com/office/drawing/2014/main" id="{E20E3B41-8389-4DF2-929E-A1109467437A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616800" y="2471351"/>
            <a:ext cx="5004000" cy="3243600"/>
          </a:xfrm>
        </p:spPr>
        <p:txBody>
          <a:bodyPr/>
          <a:lstStyle/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A618612-A7DD-4BF7-8D55-B8B8B96AC00A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1A647F5-A87B-4780-ACBA-A815C9972B24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29" name="Lige forbindelse 12">
            <a:extLst>
              <a:ext uri="{FF2B5EF4-FFF2-40B4-BE49-F238E27FC236}">
                <a16:creationId xmlns:a16="http://schemas.microsoft.com/office/drawing/2014/main" id="{FB806C26-0DE1-C451-1458-632C00DC806A}"/>
              </a:ext>
            </a:extLst>
          </p:cNvPr>
          <p:cNvCxnSpPr>
            <a:cxnSpLocks/>
          </p:cNvCxnSpPr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22574905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med bille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ED62657-E751-4424-BDAB-9DA02431174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1F2A985-0CE6-ED79-9EED-2B4C9DC49FF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2399" y="540000"/>
            <a:ext cx="5522400" cy="910800"/>
          </a:xfrm>
        </p:spPr>
        <p:txBody>
          <a:bodyPr/>
          <a:lstStyle/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D13D6A2-A4E2-440E-827A-F71D64B8342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71500" y="1658938"/>
            <a:ext cx="5526000" cy="4054012"/>
          </a:xfrm>
        </p:spPr>
        <p:txBody>
          <a:bodyPr/>
          <a:lstStyle/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237AE34E-E747-1AA0-7FFB-19E31F2F9F8A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441440" y="551765"/>
            <a:ext cx="5160060" cy="516006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rgbClr val="0096A0"/>
              </a:buClr>
              <a:buSzTx/>
              <a:buFont typeface="Verdana" panose="020B0604030504040204" pitchFamily="34" charset="0"/>
              <a:buNone/>
              <a:tabLst/>
              <a:defRPr/>
            </a:pPr>
            <a:r>
              <a:rPr lang="en-GB" noProof="0" dirty="0"/>
              <a:t>Klik på billederammen for at indsætte et billede – via </a:t>
            </a:r>
            <a:r>
              <a:rPr lang="en-GB" noProof="0" dirty="0" err="1"/>
              <a:t>Templafy</a:t>
            </a:r>
            <a:endParaRPr lang="en-GB" noProof="0" dirty="0"/>
          </a:p>
          <a:p>
            <a:pPr lvl="0"/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3DCF248-BF34-4B80-A673-90C35961A3AA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39019E-F53B-452F-A69F-F21A31A62E8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D9C6BECA-5F92-41F9-ACF1-0ACDE4EE0CF8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5713200"/>
          </a:xfrm>
        </p:spPr>
        <p:txBody>
          <a:bodyPr lIns="72000" tIns="72000" rIns="72000" anchor="t" anchorCtr="0"/>
          <a:lstStyle>
            <a:lvl1pPr marL="0" indent="0" algn="l">
              <a:buNone/>
              <a:defRPr sz="2000"/>
            </a:lvl1pPr>
          </a:lstStyle>
          <a:p>
            <a:r>
              <a:rPr lang="en-GB" noProof="0" dirty="0"/>
              <a:t>Klik på billederammen for at indsætte et billede – via Templafy</a:t>
            </a:r>
            <a:endParaRPr lang="en-GB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C7695C0F-015E-4651-B576-4F0ED589BA5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72400" y="4708800"/>
            <a:ext cx="2490840" cy="1003801"/>
          </a:xfrm>
          <a:gradFill>
            <a:gsLst>
              <a:gs pos="100000">
                <a:schemeClr val="accent1"/>
              </a:gs>
              <a:gs pos="0">
                <a:srgbClr val="0096A0"/>
              </a:gs>
            </a:gsLst>
            <a:lin ang="5400000" scaled="0"/>
          </a:gradFill>
        </p:spPr>
        <p:txBody>
          <a:bodyPr lIns="252000" tIns="252000" rIns="252000" bIns="252000" anchor="b" anchorCtr="0">
            <a:spAutoFit/>
          </a:bodyPr>
          <a:lstStyle>
            <a:lvl1pPr marL="0" indent="0">
              <a:lnSpc>
                <a:spcPct val="104000"/>
              </a:lnSpc>
              <a:spcAft>
                <a:spcPts val="0"/>
              </a:spcAft>
              <a:buFontTx/>
              <a:buNone/>
              <a:defRPr sz="1600">
                <a:solidFill>
                  <a:schemeClr val="bg1"/>
                </a:solidFill>
              </a:defRPr>
            </a:lvl1pPr>
            <a:lvl2pPr marL="360000" indent="0">
              <a:buNone/>
              <a:defRPr sz="1600">
                <a:solidFill>
                  <a:schemeClr val="bg1"/>
                </a:solidFill>
              </a:defRPr>
            </a:lvl2pPr>
            <a:lvl3pPr>
              <a:defRPr sz="1400">
                <a:solidFill>
                  <a:schemeClr val="bg1"/>
                </a:solidFill>
              </a:defRPr>
            </a:lvl3pPr>
            <a:lvl4pPr>
              <a:defRPr sz="1200">
                <a:solidFill>
                  <a:schemeClr val="bg1"/>
                </a:solidFill>
              </a:defRPr>
            </a:lvl4pPr>
            <a:lvl5pPr>
              <a:defRPr sz="1000"/>
            </a:lvl5pPr>
          </a:lstStyle>
          <a:p>
            <a:pPr lvl="0"/>
            <a:r>
              <a:rPr lang="en-GB" dirty="0"/>
              <a:t>Klik for at indsætte titel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89C766A-7CA5-4F7D-B7C8-B0E6121DFE56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BB922B3-B0ED-4B9F-8F6B-CB243B1D03C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8537079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ladsholder til dato 16" hidden="1">
            <a:extLst>
              <a:ext uri="{FF2B5EF4-FFF2-40B4-BE49-F238E27FC236}">
                <a16:creationId xmlns:a16="http://schemas.microsoft.com/office/drawing/2014/main" id="{1731C84F-56F7-4A86-93B2-44023FE02A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3" name="Grafik">
            <a:extLst>
              <a:ext uri="{FF2B5EF4-FFF2-40B4-BE49-F238E27FC236}">
                <a16:creationId xmlns:a16="http://schemas.microsoft.com/office/drawing/2014/main" id="{99DF25C2-0BCA-ABF1-B866-9D917A7EC63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-514"/>
            <a:ext cx="12192913" cy="6858514"/>
          </a:xfrm>
          <a:prstGeom prst="rect">
            <a:avLst/>
          </a:prstGeom>
          <a:solidFill>
            <a:srgbClr val="0046AD"/>
          </a:solidFill>
        </p:spPr>
      </p:pic>
      <p:sp>
        <p:nvSpPr>
          <p:cNvPr id="13" name="Citat tegn">
            <a:extLst>
              <a:ext uri="{FF2B5EF4-FFF2-40B4-BE49-F238E27FC236}">
                <a16:creationId xmlns:a16="http://schemas.microsoft.com/office/drawing/2014/main" id="{3C6CD8A6-79D8-40B1-9974-FB9D3ED05BF4}"/>
              </a:ext>
            </a:extLst>
          </p:cNvPr>
          <p:cNvSpPr txBox="1"/>
          <p:nvPr userDrawn="1"/>
        </p:nvSpPr>
        <p:spPr>
          <a:xfrm rot="10800000">
            <a:off x="578174" y="576471"/>
            <a:ext cx="803797" cy="743397"/>
          </a:xfrm>
          <a:custGeom>
            <a:avLst/>
            <a:gdLst/>
            <a:ahLst/>
            <a:cxnLst/>
            <a:rect l="l" t="t" r="r" b="b"/>
            <a:pathLst>
              <a:path w="803797" h="743397">
                <a:moveTo>
                  <a:pt x="68144" y="743396"/>
                </a:moveTo>
                <a:lnTo>
                  <a:pt x="0" y="633436"/>
                </a:lnTo>
                <a:cubicBezTo>
                  <a:pt x="55754" y="610721"/>
                  <a:pt x="97312" y="574842"/>
                  <a:pt x="124673" y="525798"/>
                </a:cubicBezTo>
                <a:cubicBezTo>
                  <a:pt x="152035" y="476755"/>
                  <a:pt x="167264" y="409384"/>
                  <a:pt x="170361" y="323687"/>
                </a:cubicBezTo>
                <a:lnTo>
                  <a:pt x="24779" y="323687"/>
                </a:lnTo>
                <a:lnTo>
                  <a:pt x="24779" y="0"/>
                </a:lnTo>
                <a:lnTo>
                  <a:pt x="323687" y="0"/>
                </a:lnTo>
                <a:lnTo>
                  <a:pt x="323687" y="255542"/>
                </a:lnTo>
                <a:cubicBezTo>
                  <a:pt x="323687" y="393897"/>
                  <a:pt x="307683" y="493533"/>
                  <a:pt x="275676" y="554450"/>
                </a:cubicBezTo>
                <a:cubicBezTo>
                  <a:pt x="231278" y="638082"/>
                  <a:pt x="162101" y="701064"/>
                  <a:pt x="68144" y="743396"/>
                </a:cubicBezTo>
                <a:close/>
                <a:moveTo>
                  <a:pt x="548255" y="743397"/>
                </a:moveTo>
                <a:lnTo>
                  <a:pt x="480110" y="633436"/>
                </a:lnTo>
                <a:cubicBezTo>
                  <a:pt x="535865" y="610721"/>
                  <a:pt x="577423" y="574842"/>
                  <a:pt x="604784" y="525798"/>
                </a:cubicBezTo>
                <a:cubicBezTo>
                  <a:pt x="632145" y="476755"/>
                  <a:pt x="647374" y="409385"/>
                  <a:pt x="650472" y="323687"/>
                </a:cubicBezTo>
                <a:lnTo>
                  <a:pt x="504890" y="323687"/>
                </a:lnTo>
                <a:lnTo>
                  <a:pt x="504890" y="0"/>
                </a:lnTo>
                <a:lnTo>
                  <a:pt x="803797" y="0"/>
                </a:lnTo>
                <a:lnTo>
                  <a:pt x="803797" y="255543"/>
                </a:lnTo>
                <a:cubicBezTo>
                  <a:pt x="803797" y="393897"/>
                  <a:pt x="787793" y="493533"/>
                  <a:pt x="755786" y="554450"/>
                </a:cubicBezTo>
                <a:cubicBezTo>
                  <a:pt x="711389" y="638082"/>
                  <a:pt x="642212" y="701064"/>
                  <a:pt x="548255" y="743397"/>
                </a:cubicBezTo>
                <a:close/>
              </a:path>
            </a:pathLst>
          </a:custGeom>
          <a:solidFill>
            <a:schemeClr val="accent3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  <a:buFont typeface="Verdana" panose="020B0604030504040204" pitchFamily="34" charset="0"/>
              <a:buNone/>
            </a:pPr>
            <a:endParaRPr lang="en-GB" sz="25000" dirty="0">
              <a:solidFill>
                <a:schemeClr val="accent2"/>
              </a:solidFill>
            </a:endParaRPr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07B8917B-F19F-4202-A0E4-A0FDB37265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97050" y="800418"/>
            <a:ext cx="8352000" cy="4911407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2400"/>
              </a:spcAft>
              <a:buClrTx/>
              <a:buFont typeface="Arial" panose="020B0604020202020204" pitchFamily="34" charset="0"/>
              <a:buChar char="​"/>
              <a:defRPr sz="3600" b="0">
                <a:solidFill>
                  <a:schemeClr val="bg1"/>
                </a:solidFill>
              </a:defRPr>
            </a:lvl1pPr>
            <a:lvl2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bg1"/>
                </a:solidFill>
              </a:defRPr>
            </a:lvl2pPr>
            <a:lvl3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bg1"/>
                </a:solidFill>
              </a:defRPr>
            </a:lvl3pPr>
            <a:lvl4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bg1"/>
                </a:solidFill>
              </a:defRPr>
            </a:lvl4pPr>
            <a:lvl5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bg1"/>
                </a:solidFill>
              </a:defRPr>
            </a:lvl5pPr>
            <a:lvl6pPr marL="0" indent="0">
              <a:lnSpc>
                <a:spcPct val="104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600">
                <a:solidFill>
                  <a:schemeClr val="bg1"/>
                </a:solidFill>
              </a:defRPr>
            </a:lvl6pPr>
            <a:lvl7pPr marL="0" indent="0">
              <a:lnSpc>
                <a:spcPct val="104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600">
                <a:solidFill>
                  <a:schemeClr val="bg1"/>
                </a:solidFill>
              </a:defRPr>
            </a:lvl7pPr>
            <a:lvl8pPr marL="0" indent="0">
              <a:lnSpc>
                <a:spcPct val="104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600">
                <a:solidFill>
                  <a:schemeClr val="bg1"/>
                </a:solidFill>
              </a:defRPr>
            </a:lvl8pPr>
            <a:lvl9pPr marL="0" indent="0">
              <a:lnSpc>
                <a:spcPct val="104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6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og indsæt tekst                              Klik ENTER og TAB for at kunne skrive navn i 16 pkt.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5" name="text" descr="{&quot;templafy&quot;:{&quot;id&quot;:&quot;58328b4b-6d7d-4c78-98e7-1d8f49532321&quot;}}" title="UserProfile.Street.Department_{{DocumentLanguage}}">
            <a:extLst>
              <a:ext uri="{FF2B5EF4-FFF2-40B4-BE49-F238E27FC236}">
                <a16:creationId xmlns:a16="http://schemas.microsoft.com/office/drawing/2014/main" id="{4CE5DE65-F7A4-44AE-955F-A78832607FF1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bg1"/>
                </a:solidFill>
              </a:rPr>
              <a:t>UCN Bachelor of Education and CFU</a:t>
            </a:r>
          </a:p>
        </p:txBody>
      </p:sp>
      <p:sp>
        <p:nvSpPr>
          <p:cNvPr id="26" name="name" descr="{&quot;templafy&quot;:{&quot;id&quot;:&quot;a1cff313-e64b-4b8c-a0f8-8ddefc4fc2d2&quot;}}" title="UserProfile.Name">
            <a:extLst>
              <a:ext uri="{FF2B5EF4-FFF2-40B4-BE49-F238E27FC236}">
                <a16:creationId xmlns:a16="http://schemas.microsoft.com/office/drawing/2014/main" id="{4A503413-F912-448F-B0A3-0C7A5992723D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bg1"/>
                </a:solidFill>
              </a:rPr>
              <a:t>Anne Lassen Zakaria</a:t>
            </a:r>
          </a:p>
        </p:txBody>
      </p:sp>
      <p:pic>
        <p:nvPicPr>
          <p:cNvPr id="1959107631" name="image" descr="{&quot;templafy&quot;:{&quot;id&quot;:&quot;e2eab8eb-21db-47dc-805f-4b750d9de93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976000"/>
            <a:ext cx="2041463" cy="324000"/>
          </a:xfrm>
          <a:prstGeom prst="rect">
            <a:avLst/>
          </a:prstGeom>
        </p:spPr>
      </p:pic>
      <p:cxnSp>
        <p:nvCxnSpPr>
          <p:cNvPr id="20" name="Lige forbindelse 19">
            <a:extLst>
              <a:ext uri="{FF2B5EF4-FFF2-40B4-BE49-F238E27FC236}">
                <a16:creationId xmlns:a16="http://schemas.microsoft.com/office/drawing/2014/main" id="{B8E6613F-4DA3-4A3D-A327-75A5674427D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07811611-E8EB-468F-B4DA-CFAE519B1BF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85357" y="5823368"/>
            <a:ext cx="434241" cy="51841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8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Pladsholder til sidefod 17">
            <a:extLst>
              <a:ext uri="{FF2B5EF4-FFF2-40B4-BE49-F238E27FC236}">
                <a16:creationId xmlns:a16="http://schemas.microsoft.com/office/drawing/2014/main" id="{114B76EA-00CA-49C3-BDB9-BB9265E6917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ladsholder til dato 16" hidden="1">
            <a:extLst>
              <a:ext uri="{FF2B5EF4-FFF2-40B4-BE49-F238E27FC236}">
                <a16:creationId xmlns:a16="http://schemas.microsoft.com/office/drawing/2014/main" id="{1731C84F-56F7-4A86-93B2-44023FE02A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Baggrund">
            <a:extLst>
              <a:ext uri="{FF2B5EF4-FFF2-40B4-BE49-F238E27FC236}">
                <a16:creationId xmlns:a16="http://schemas.microsoft.com/office/drawing/2014/main" id="{F77FE67A-798B-5975-A96F-498A127EF46A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>
            <a:gsLst>
              <a:gs pos="0">
                <a:schemeClr val="accent2"/>
              </a:gs>
              <a:gs pos="47000">
                <a:schemeClr val="bg1"/>
              </a:gs>
              <a:gs pos="20000">
                <a:schemeClr val="accent3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0" name="text" descr="{&quot;templafy&quot;:{&quot;id&quot;:&quot;e6a3a012-7a93-4090-b6dc-0c2f00958e0f&quot;}}" title="UserProfile.Street.Department_{{DocumentLanguage}}">
            <a:extLst>
              <a:ext uri="{FF2B5EF4-FFF2-40B4-BE49-F238E27FC236}">
                <a16:creationId xmlns:a16="http://schemas.microsoft.com/office/drawing/2014/main" id="{D99ADD34-3FD0-4A92-910F-B4A830D4042B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31" name="name" descr="{&quot;templafy&quot;:{&quot;id&quot;:&quot;e290881d-f717-40d6-a504-fb192a2bde33&quot;}}" title="UserProfile.Name">
            <a:extLst>
              <a:ext uri="{FF2B5EF4-FFF2-40B4-BE49-F238E27FC236}">
                <a16:creationId xmlns:a16="http://schemas.microsoft.com/office/drawing/2014/main" id="{8F9247F2-D5C5-4930-9DB9-72E6E08AABD0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pic>
        <p:nvPicPr>
          <p:cNvPr id="188962256" name="image" descr="{&quot;templafy&quot;:{&quot;id&quot;:&quot;096cb01e-8322-4d35-b40a-c1a7ccc5bf1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2400" y="5976000"/>
            <a:ext cx="2048823" cy="324000"/>
          </a:xfrm>
          <a:prstGeom prst="rect">
            <a:avLst/>
          </a:prstGeom>
        </p:spPr>
      </p:pic>
      <p:sp>
        <p:nvSpPr>
          <p:cNvPr id="3" name="Citat tegn">
            <a:extLst>
              <a:ext uri="{FF2B5EF4-FFF2-40B4-BE49-F238E27FC236}">
                <a16:creationId xmlns:a16="http://schemas.microsoft.com/office/drawing/2014/main" id="{738DAA79-BFE1-8B06-DEAB-7DAC76F05B7D}"/>
              </a:ext>
            </a:extLst>
          </p:cNvPr>
          <p:cNvSpPr txBox="1"/>
          <p:nvPr userDrawn="1"/>
        </p:nvSpPr>
        <p:spPr>
          <a:xfrm rot="10800000">
            <a:off x="578174" y="576471"/>
            <a:ext cx="803797" cy="743397"/>
          </a:xfrm>
          <a:custGeom>
            <a:avLst/>
            <a:gdLst/>
            <a:ahLst/>
            <a:cxnLst/>
            <a:rect l="l" t="t" r="r" b="b"/>
            <a:pathLst>
              <a:path w="803797" h="743397">
                <a:moveTo>
                  <a:pt x="68144" y="743396"/>
                </a:moveTo>
                <a:lnTo>
                  <a:pt x="0" y="633436"/>
                </a:lnTo>
                <a:cubicBezTo>
                  <a:pt x="55754" y="610721"/>
                  <a:pt x="97312" y="574842"/>
                  <a:pt x="124673" y="525798"/>
                </a:cubicBezTo>
                <a:cubicBezTo>
                  <a:pt x="152035" y="476755"/>
                  <a:pt x="167264" y="409384"/>
                  <a:pt x="170361" y="323687"/>
                </a:cubicBezTo>
                <a:lnTo>
                  <a:pt x="24779" y="323687"/>
                </a:lnTo>
                <a:lnTo>
                  <a:pt x="24779" y="0"/>
                </a:lnTo>
                <a:lnTo>
                  <a:pt x="323687" y="0"/>
                </a:lnTo>
                <a:lnTo>
                  <a:pt x="323687" y="255542"/>
                </a:lnTo>
                <a:cubicBezTo>
                  <a:pt x="323687" y="393897"/>
                  <a:pt x="307683" y="493533"/>
                  <a:pt x="275676" y="554450"/>
                </a:cubicBezTo>
                <a:cubicBezTo>
                  <a:pt x="231278" y="638082"/>
                  <a:pt x="162101" y="701064"/>
                  <a:pt x="68144" y="743396"/>
                </a:cubicBezTo>
                <a:close/>
                <a:moveTo>
                  <a:pt x="548255" y="743397"/>
                </a:moveTo>
                <a:lnTo>
                  <a:pt x="480110" y="633436"/>
                </a:lnTo>
                <a:cubicBezTo>
                  <a:pt x="535865" y="610721"/>
                  <a:pt x="577423" y="574842"/>
                  <a:pt x="604784" y="525798"/>
                </a:cubicBezTo>
                <a:cubicBezTo>
                  <a:pt x="632145" y="476755"/>
                  <a:pt x="647374" y="409385"/>
                  <a:pt x="650472" y="323687"/>
                </a:cubicBezTo>
                <a:lnTo>
                  <a:pt x="504890" y="323687"/>
                </a:lnTo>
                <a:lnTo>
                  <a:pt x="504890" y="0"/>
                </a:lnTo>
                <a:lnTo>
                  <a:pt x="803797" y="0"/>
                </a:lnTo>
                <a:lnTo>
                  <a:pt x="803797" y="255543"/>
                </a:lnTo>
                <a:cubicBezTo>
                  <a:pt x="803797" y="393897"/>
                  <a:pt x="787793" y="493533"/>
                  <a:pt x="755786" y="554450"/>
                </a:cubicBezTo>
                <a:cubicBezTo>
                  <a:pt x="711389" y="638082"/>
                  <a:pt x="642212" y="701064"/>
                  <a:pt x="548255" y="743397"/>
                </a:cubicBezTo>
                <a:close/>
              </a:path>
            </a:pathLst>
          </a:custGeom>
          <a:solidFill>
            <a:schemeClr val="accent3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  <a:buFont typeface="Verdana" panose="020B0604030504040204" pitchFamily="34" charset="0"/>
              <a:buNone/>
            </a:pPr>
            <a:endParaRPr lang="en-GB" sz="25000" dirty="0">
              <a:solidFill>
                <a:schemeClr val="accent2"/>
              </a:solidFill>
            </a:endParaRPr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9DFFE7E2-7676-2A1E-02D0-D41088639E90}"/>
              </a:ext>
            </a:extLst>
          </p:cNvPr>
          <p:cNvSpPr/>
          <p:nvPr userDrawn="1"/>
        </p:nvSpPr>
        <p:spPr>
          <a:xfrm rot="18900000">
            <a:off x="8494748" y="-879278"/>
            <a:ext cx="1755113" cy="1755113"/>
          </a:xfrm>
          <a:custGeom>
            <a:avLst/>
            <a:gdLst>
              <a:gd name="connsiteX0" fmla="*/ 0 w 839893"/>
              <a:gd name="connsiteY0" fmla="*/ 0 h 839893"/>
              <a:gd name="connsiteX1" fmla="*/ 839893 w 839893"/>
              <a:gd name="connsiteY1" fmla="*/ 0 h 839893"/>
              <a:gd name="connsiteX2" fmla="*/ 839893 w 839893"/>
              <a:gd name="connsiteY2" fmla="*/ 839893 h 839893"/>
              <a:gd name="connsiteX3" fmla="*/ 0 w 839893"/>
              <a:gd name="connsiteY3" fmla="*/ 839893 h 839893"/>
              <a:gd name="connsiteX4" fmla="*/ 0 w 839893"/>
              <a:gd name="connsiteY4" fmla="*/ 0 h 839893"/>
              <a:gd name="connsiteX0" fmla="*/ 0 w 839893"/>
              <a:gd name="connsiteY0" fmla="*/ 0 h 839893"/>
              <a:gd name="connsiteX1" fmla="*/ 426720 w 839893"/>
              <a:gd name="connsiteY1" fmla="*/ 406400 h 839893"/>
              <a:gd name="connsiteX2" fmla="*/ 839893 w 839893"/>
              <a:gd name="connsiteY2" fmla="*/ 839893 h 839893"/>
              <a:gd name="connsiteX3" fmla="*/ 0 w 839893"/>
              <a:gd name="connsiteY3" fmla="*/ 839893 h 839893"/>
              <a:gd name="connsiteX4" fmla="*/ 0 w 839893"/>
              <a:gd name="connsiteY4" fmla="*/ 0 h 839893"/>
              <a:gd name="connsiteX0" fmla="*/ 0 w 839893"/>
              <a:gd name="connsiteY0" fmla="*/ 0 h 839893"/>
              <a:gd name="connsiteX1" fmla="*/ 417121 w 839893"/>
              <a:gd name="connsiteY1" fmla="*/ 415959 h 839893"/>
              <a:gd name="connsiteX2" fmla="*/ 839893 w 839893"/>
              <a:gd name="connsiteY2" fmla="*/ 839893 h 839893"/>
              <a:gd name="connsiteX3" fmla="*/ 0 w 839893"/>
              <a:gd name="connsiteY3" fmla="*/ 839893 h 839893"/>
              <a:gd name="connsiteX4" fmla="*/ 0 w 839893"/>
              <a:gd name="connsiteY4" fmla="*/ 0 h 8398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39893" h="839893">
                <a:moveTo>
                  <a:pt x="0" y="0"/>
                </a:moveTo>
                <a:lnTo>
                  <a:pt x="417121" y="415959"/>
                </a:lnTo>
                <a:lnTo>
                  <a:pt x="839893" y="839893"/>
                </a:lnTo>
                <a:lnTo>
                  <a:pt x="0" y="839893"/>
                </a:lnTo>
                <a:lnTo>
                  <a:pt x="0" y="0"/>
                </a:lnTo>
                <a:close/>
              </a:path>
            </a:pathLst>
          </a:custGeom>
          <a:gradFill flip="none" rotWithShape="0">
            <a:gsLst>
              <a:gs pos="0">
                <a:schemeClr val="accent1"/>
              </a:gs>
              <a:gs pos="100000">
                <a:srgbClr val="0096A0"/>
              </a:gs>
            </a:gsLst>
            <a:lin ang="54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07B8917B-F19F-4202-A0E4-A0FDB37265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2400" y="1659600"/>
            <a:ext cx="6382800" cy="4053600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2400"/>
              </a:spcAft>
              <a:buClrTx/>
              <a:buFont typeface="Arial" panose="020B0604020202020204" pitchFamily="34" charset="0"/>
              <a:buChar char="​"/>
              <a:defRPr sz="3600" b="0">
                <a:solidFill>
                  <a:schemeClr val="accent1"/>
                </a:solidFill>
              </a:defRPr>
            </a:lvl1pPr>
            <a:lvl2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1"/>
                </a:solidFill>
              </a:defRPr>
            </a:lvl2pPr>
            <a:lvl3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1"/>
                </a:solidFill>
              </a:defRPr>
            </a:lvl3pPr>
            <a:lvl4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1"/>
                </a:solidFill>
              </a:defRPr>
            </a:lvl4pPr>
            <a:lvl5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1"/>
                </a:solidFill>
              </a:defRPr>
            </a:lvl5pPr>
            <a:lvl6pPr marL="0" indent="0">
              <a:lnSpc>
                <a:spcPct val="104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600">
                <a:solidFill>
                  <a:schemeClr val="accent1"/>
                </a:solidFill>
              </a:defRPr>
            </a:lvl6pPr>
            <a:lvl7pPr marL="0" indent="0">
              <a:lnSpc>
                <a:spcPct val="104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600">
                <a:solidFill>
                  <a:schemeClr val="accent1"/>
                </a:solidFill>
              </a:defRPr>
            </a:lvl7pPr>
            <a:lvl8pPr marL="0" indent="0">
              <a:lnSpc>
                <a:spcPct val="104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600">
                <a:solidFill>
                  <a:schemeClr val="accent1"/>
                </a:solidFill>
              </a:defRPr>
            </a:lvl8pPr>
            <a:lvl9pPr marL="0" indent="0">
              <a:lnSpc>
                <a:spcPct val="104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Klik og indsæt tekst               Klik ENTER og TAB for at kunne skrive navn i 16 pkt.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8" name="Pladsholder til billede 27">
            <a:extLst>
              <a:ext uri="{FF2B5EF4-FFF2-40B4-BE49-F238E27FC236}">
                <a16:creationId xmlns:a16="http://schemas.microsoft.com/office/drawing/2014/main" id="{C0FFD995-9FB3-4061-8FE9-4665D1CCDB04}"/>
              </a:ext>
            </a:extLst>
          </p:cNvPr>
          <p:cNvSpPr>
            <a:spLocks noGrp="1" noChangeAspect="1"/>
          </p:cNvSpPr>
          <p:nvPr>
            <p:ph type="pic" sz="quarter" idx="17" hasCustomPrompt="1"/>
          </p:nvPr>
        </p:nvSpPr>
        <p:spPr>
          <a:xfrm>
            <a:off x="7124400" y="1234800"/>
            <a:ext cx="4496400" cy="4496400"/>
          </a:xfrm>
          <a:prstGeom prst="ellipse">
            <a:avLst/>
          </a:prstGeom>
        </p:spPr>
        <p:txBody>
          <a:bodyPr wrap="square" lIns="72000" tIns="0" rIns="7200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Klik på billederammen for at indsætte et billede – via Templafy</a:t>
            </a:r>
            <a:endParaRPr lang="en-GB"/>
          </a:p>
        </p:txBody>
      </p:sp>
      <p:cxnSp>
        <p:nvCxnSpPr>
          <p:cNvPr id="20" name="Lige forbindelse 19">
            <a:extLst>
              <a:ext uri="{FF2B5EF4-FFF2-40B4-BE49-F238E27FC236}">
                <a16:creationId xmlns:a16="http://schemas.microsoft.com/office/drawing/2014/main" id="{B8E6613F-4DA3-4A3D-A327-75A5674427D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07811611-E8EB-468F-B4DA-CFAE519B1BF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85357" y="5823368"/>
            <a:ext cx="434241" cy="51841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800"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Pladsholder til sidefod 17">
            <a:extLst>
              <a:ext uri="{FF2B5EF4-FFF2-40B4-BE49-F238E27FC236}">
                <a16:creationId xmlns:a16="http://schemas.microsoft.com/office/drawing/2014/main" id="{114B76EA-00CA-49C3-BDB9-BB9265E6917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0053919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lide Brand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3" name="Grafik">
            <a:extLst>
              <a:ext uri="{FF2B5EF4-FFF2-40B4-BE49-F238E27FC236}">
                <a16:creationId xmlns:a16="http://schemas.microsoft.com/office/drawing/2014/main" id="{04EB35C8-301F-3B47-C356-C1290A4F2B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3343"/>
            <a:ext cx="12192915" cy="6858514"/>
          </a:xfrm>
          <a:prstGeom prst="rect">
            <a:avLst/>
          </a:prstGeom>
          <a:solidFill>
            <a:srgbClr val="0046AD"/>
          </a:solidFill>
        </p:spPr>
      </p:pic>
      <p:sp>
        <p:nvSpPr>
          <p:cNvPr id="17" name="Titel 1">
            <a:extLst>
              <a:ext uri="{FF2B5EF4-FFF2-40B4-BE49-F238E27FC236}">
                <a16:creationId xmlns:a16="http://schemas.microsoft.com/office/drawing/2014/main" id="{A1EB266E-7402-4BF9-9501-305A7ADFC8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2399" y="2822400"/>
            <a:ext cx="1324800" cy="1346400"/>
          </a:xfrm>
        </p:spPr>
        <p:txBody>
          <a:bodyPr/>
          <a:lstStyle>
            <a:lvl1pPr algn="r">
              <a:defRPr sz="10000" b="1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 dirty="0"/>
              <a:t>1</a:t>
            </a:r>
            <a:endParaRPr lang="en-GB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181600" y="2880000"/>
            <a:ext cx="6462000" cy="1893600"/>
          </a:xfrm>
        </p:spPr>
        <p:txBody>
          <a:bodyPr anchor="t" anchorCtr="0"/>
          <a:lstStyle>
            <a:lvl1pPr marL="0" indent="0" algn="l">
              <a:lnSpc>
                <a:spcPct val="88000"/>
              </a:lnSpc>
              <a:spcAft>
                <a:spcPts val="1800"/>
              </a:spcAft>
              <a:buClrTx/>
              <a:buFont typeface="Arial" panose="020B0604020202020204" pitchFamily="34" charset="0"/>
              <a:buChar char="​"/>
              <a:defRPr sz="3600" b="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og indsæt tekst              Klik ENTER og TAB                 for at få næste tekst niveau på 20 pkt.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</p:txBody>
      </p:sp>
      <p:sp>
        <p:nvSpPr>
          <p:cNvPr id="19" name="text" descr="{&quot;templafy&quot;:{&quot;id&quot;:&quot;c87a35f2-8708-43c4-85a3-f41519560843&quot;}}" title="UserProfile.Street.Department_{{DocumentLanguage}}">
            <a:extLst>
              <a:ext uri="{FF2B5EF4-FFF2-40B4-BE49-F238E27FC236}">
                <a16:creationId xmlns:a16="http://schemas.microsoft.com/office/drawing/2014/main" id="{3DE321AE-6B72-421F-A637-7B239E15C4D8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bg1"/>
                </a:solidFill>
              </a:rPr>
              <a:t>UCN Bachelor of Education and CFU</a:t>
            </a:r>
          </a:p>
        </p:txBody>
      </p:sp>
      <p:sp>
        <p:nvSpPr>
          <p:cNvPr id="20" name="name" descr="{&quot;templafy&quot;:{&quot;id&quot;:&quot;3b9ee39d-69c1-4e12-baca-d895affc5570&quot;}}" title="UserProfile.Name">
            <a:extLst>
              <a:ext uri="{FF2B5EF4-FFF2-40B4-BE49-F238E27FC236}">
                <a16:creationId xmlns:a16="http://schemas.microsoft.com/office/drawing/2014/main" id="{8A527392-5A96-427E-96F9-2FC5F2F9B329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bg1"/>
                </a:solidFill>
              </a:rPr>
              <a:t>Anne Lassen Zakaria</a:t>
            </a:r>
          </a:p>
        </p:txBody>
      </p:sp>
      <p:pic>
        <p:nvPicPr>
          <p:cNvPr id="1092120366" name="image" descr="{&quot;templafy&quot;:{&quot;id&quot;:&quot;f2e3f049-b5d1-4ae5-90a6-441355d4ab1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976000"/>
            <a:ext cx="2041463" cy="324000"/>
          </a:xfrm>
          <a:prstGeom prst="rect">
            <a:avLst/>
          </a:prstGeom>
        </p:spPr>
      </p:pic>
      <p:cxnSp>
        <p:nvCxnSpPr>
          <p:cNvPr id="15" name="Lige forbindelse 14">
            <a:extLst>
              <a:ext uri="{FF2B5EF4-FFF2-40B4-BE49-F238E27FC236}">
                <a16:creationId xmlns:a16="http://schemas.microsoft.com/office/drawing/2014/main" id="{2AF3370C-EC5C-49C6-BD35-04EF6188B30D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Pladsholder til slidenummer 12">
            <a:extLst>
              <a:ext uri="{FF2B5EF4-FFF2-40B4-BE49-F238E27FC236}">
                <a16:creationId xmlns:a16="http://schemas.microsoft.com/office/drawing/2014/main" id="{7BB23314-F5AA-481C-A425-E895EA7E88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185357" y="5823368"/>
            <a:ext cx="434241" cy="51841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0985598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lide Yell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3" name="Grafik">
            <a:extLst>
              <a:ext uri="{FF2B5EF4-FFF2-40B4-BE49-F238E27FC236}">
                <a16:creationId xmlns:a16="http://schemas.microsoft.com/office/drawing/2014/main" id="{776518AE-94DA-3FDF-A9E2-E097A66C5A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" y="-514"/>
            <a:ext cx="12192913" cy="6858514"/>
          </a:xfrm>
          <a:prstGeom prst="rect">
            <a:avLst/>
          </a:prstGeom>
        </p:spPr>
      </p:pic>
      <p:sp>
        <p:nvSpPr>
          <p:cNvPr id="17" name="Titel 1">
            <a:extLst>
              <a:ext uri="{FF2B5EF4-FFF2-40B4-BE49-F238E27FC236}">
                <a16:creationId xmlns:a16="http://schemas.microsoft.com/office/drawing/2014/main" id="{A1EB266E-7402-4BF9-9501-305A7ADFC8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2399" y="1659600"/>
            <a:ext cx="11048400" cy="910800"/>
          </a:xfrm>
        </p:spPr>
        <p:txBody>
          <a:bodyPr/>
          <a:lstStyle>
            <a:lvl1pPr algn="ctr">
              <a:defRPr sz="6000" b="1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 dirty="0"/>
              <a:t>2</a:t>
            </a:r>
            <a:endParaRPr lang="en-GB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918800" y="2739600"/>
            <a:ext cx="8352000" cy="2439732"/>
          </a:xfrm>
        </p:spPr>
        <p:txBody>
          <a:bodyPr anchor="t" anchorCtr="0"/>
          <a:lstStyle>
            <a:lvl1pPr marL="0" indent="0" algn="ctr">
              <a:lnSpc>
                <a:spcPct val="88000"/>
              </a:lnSpc>
              <a:spcAft>
                <a:spcPts val="1000"/>
              </a:spcAft>
              <a:buClrTx/>
              <a:buFont typeface="Arial" panose="020B0604020202020204" pitchFamily="34" charset="0"/>
              <a:buChar char="​"/>
              <a:defRPr sz="3600" b="0">
                <a:solidFill>
                  <a:schemeClr val="accent1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5pPr>
            <a:lvl6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6pPr>
            <a:lvl7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7pPr>
            <a:lvl8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8pPr>
            <a:lvl9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Klik og indsæt tekst                              Klik ENTER og TAB                              for at kunne skrive navn i 20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</p:txBody>
      </p:sp>
      <p:sp>
        <p:nvSpPr>
          <p:cNvPr id="22" name="text" descr="{&quot;templafy&quot;:{&quot;id&quot;:&quot;d92d213f-e34f-49bd-bc2e-c6567513721c&quot;}}" title="UserProfile.Street.Department_{{DocumentLanguage}}">
            <a:extLst>
              <a:ext uri="{FF2B5EF4-FFF2-40B4-BE49-F238E27FC236}">
                <a16:creationId xmlns:a16="http://schemas.microsoft.com/office/drawing/2014/main" id="{EB5B3E89-FF38-458D-8631-B0E5178EA966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23" name="name" descr="{&quot;templafy&quot;:{&quot;id&quot;:&quot;e0e71c0e-e4ab-4041-85f3-a6e84dcf6bf3&quot;}}" title="UserProfile.Name">
            <a:extLst>
              <a:ext uri="{FF2B5EF4-FFF2-40B4-BE49-F238E27FC236}">
                <a16:creationId xmlns:a16="http://schemas.microsoft.com/office/drawing/2014/main" id="{8D47D763-73EF-4BB5-8C76-9DDB61CE2EA2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pic>
        <p:nvPicPr>
          <p:cNvPr id="2112890054" name="image" descr="{&quot;templafy&quot;:{&quot;id&quot;:&quot;1dc5a131-ec80-4a83-8763-6579c2d9e5c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976000"/>
            <a:ext cx="2048823" cy="324000"/>
          </a:xfrm>
          <a:prstGeom prst="rect">
            <a:avLst/>
          </a:prstGeom>
        </p:spPr>
      </p:pic>
      <p:cxnSp>
        <p:nvCxnSpPr>
          <p:cNvPr id="18" name="Lige forbindelse 17">
            <a:extLst>
              <a:ext uri="{FF2B5EF4-FFF2-40B4-BE49-F238E27FC236}">
                <a16:creationId xmlns:a16="http://schemas.microsoft.com/office/drawing/2014/main" id="{9EA7A46A-6D01-4D61-872F-3BB9884F781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0A45EF0C-F6F3-4943-89E1-96DA892BB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3084499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4" name="Grafik">
            <a:extLst>
              <a:ext uri="{FF2B5EF4-FFF2-40B4-BE49-F238E27FC236}">
                <a16:creationId xmlns:a16="http://schemas.microsoft.com/office/drawing/2014/main" id="{CE502B11-CF1D-E602-DF46-AE78F0666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-514"/>
            <a:ext cx="12192913" cy="6858514"/>
          </a:xfrm>
          <a:prstGeom prst="rect">
            <a:avLst/>
          </a:prstGeom>
        </p:spPr>
      </p:pic>
      <p:sp>
        <p:nvSpPr>
          <p:cNvPr id="17" name="Titel 1">
            <a:extLst>
              <a:ext uri="{FF2B5EF4-FFF2-40B4-BE49-F238E27FC236}">
                <a16:creationId xmlns:a16="http://schemas.microsoft.com/office/drawing/2014/main" id="{A1EB266E-7402-4BF9-9501-305A7ADFC8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2399" y="1659600"/>
            <a:ext cx="11048400" cy="910800"/>
          </a:xfrm>
        </p:spPr>
        <p:txBody>
          <a:bodyPr/>
          <a:lstStyle>
            <a:lvl1pPr algn="ctr">
              <a:defRPr sz="6000" b="1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 dirty="0"/>
              <a:t>2</a:t>
            </a:r>
            <a:endParaRPr lang="en-GB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918800" y="2739600"/>
            <a:ext cx="8352000" cy="2439732"/>
          </a:xfrm>
        </p:spPr>
        <p:txBody>
          <a:bodyPr anchor="t" anchorCtr="0"/>
          <a:lstStyle>
            <a:lvl1pPr marL="0" indent="0" algn="ctr">
              <a:lnSpc>
                <a:spcPct val="88000"/>
              </a:lnSpc>
              <a:spcAft>
                <a:spcPts val="1000"/>
              </a:spcAft>
              <a:buClrTx/>
              <a:buFont typeface="Arial" panose="020B0604020202020204" pitchFamily="34" charset="0"/>
              <a:buChar char="​"/>
              <a:defRPr sz="3600" b="0">
                <a:solidFill>
                  <a:schemeClr val="accent1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5pPr>
            <a:lvl6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6pPr>
            <a:lvl7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7pPr>
            <a:lvl8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8pPr>
            <a:lvl9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Klik og indsæt tekst                              Klik ENTER og TAB                              for at kunne skrive navn i 20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</p:txBody>
      </p:sp>
      <p:sp>
        <p:nvSpPr>
          <p:cNvPr id="22" name="text" descr="{&quot;templafy&quot;:{&quot;id&quot;:&quot;ab6ee7cb-a1b2-4bf5-9734-6478eb9c5a9f&quot;}}" title="UserProfile.Street.Department_{{DocumentLanguage}}">
            <a:extLst>
              <a:ext uri="{FF2B5EF4-FFF2-40B4-BE49-F238E27FC236}">
                <a16:creationId xmlns:a16="http://schemas.microsoft.com/office/drawing/2014/main" id="{EB5B3E89-FF38-458D-8631-B0E5178EA966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23" name="name" descr="{&quot;templafy&quot;:{&quot;id&quot;:&quot;fe5a9108-89ad-46d6-af99-c71fd7cd11e9&quot;}}" title="UserProfile.Name">
            <a:extLst>
              <a:ext uri="{FF2B5EF4-FFF2-40B4-BE49-F238E27FC236}">
                <a16:creationId xmlns:a16="http://schemas.microsoft.com/office/drawing/2014/main" id="{8D47D763-73EF-4BB5-8C76-9DDB61CE2EA2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pic>
        <p:nvPicPr>
          <p:cNvPr id="1923261123" name="image" descr="{&quot;templafy&quot;:{&quot;id&quot;:&quot;b29dcb14-3ce3-44dd-b977-f64033bd849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976000"/>
            <a:ext cx="2048823" cy="324000"/>
          </a:xfrm>
          <a:prstGeom prst="rect">
            <a:avLst/>
          </a:prstGeom>
        </p:spPr>
      </p:pic>
      <p:cxnSp>
        <p:nvCxnSpPr>
          <p:cNvPr id="18" name="Lige forbindelse 17">
            <a:extLst>
              <a:ext uri="{FF2B5EF4-FFF2-40B4-BE49-F238E27FC236}">
                <a16:creationId xmlns:a16="http://schemas.microsoft.com/office/drawing/2014/main" id="{9EA7A46A-6D01-4D61-872F-3BB9884F781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0A45EF0C-F6F3-4943-89E1-96DA892BB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142433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 ver.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Date Placeholder 3" hidden="1">
            <a:extLst>
              <a:ext uri="{FF2B5EF4-FFF2-40B4-BE49-F238E27FC236}">
                <a16:creationId xmlns:a16="http://schemas.microsoft.com/office/drawing/2014/main" id="{7AEEEBB1-3A26-4EB0-A9B0-CE0EE342F4E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7" name="Footer Placeholder 4" hidden="1">
            <a:extLst>
              <a:ext uri="{FF2B5EF4-FFF2-40B4-BE49-F238E27FC236}">
                <a16:creationId xmlns:a16="http://schemas.microsoft.com/office/drawing/2014/main" id="{E97B93D8-FB04-4078-95B9-5AAF5D736A4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8" name="Slide Number Placeholder 5" hidden="1">
            <a:extLst>
              <a:ext uri="{FF2B5EF4-FFF2-40B4-BE49-F238E27FC236}">
                <a16:creationId xmlns:a16="http://schemas.microsoft.com/office/drawing/2014/main" id="{088DDF81-8C54-4915-8516-F84C9DBB77D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ggrund">
            <a:extLst>
              <a:ext uri="{FF2B5EF4-FFF2-40B4-BE49-F238E27FC236}">
                <a16:creationId xmlns:a16="http://schemas.microsoft.com/office/drawing/2014/main" id="{9A5BD5E9-EEDC-4E8A-8EA1-D4534B9B742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6" name="Grafik">
            <a:extLst>
              <a:ext uri="{FF2B5EF4-FFF2-40B4-BE49-F238E27FC236}">
                <a16:creationId xmlns:a16="http://schemas.microsoft.com/office/drawing/2014/main" id="{D6F2482F-6A21-9244-819D-B78F62DDDF8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3346"/>
            <a:ext cx="12205703" cy="686570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2399" y="2184850"/>
            <a:ext cx="8402400" cy="1136327"/>
          </a:xfrm>
        </p:spPr>
        <p:txBody>
          <a:bodyPr anchor="b"/>
          <a:lstStyle>
            <a:lvl1pPr algn="l">
              <a:lnSpc>
                <a:spcPct val="87000"/>
              </a:lnSpc>
              <a:defRPr sz="4000" b="1">
                <a:solidFill>
                  <a:schemeClr val="accent1"/>
                </a:solidFill>
              </a:defRPr>
            </a:lvl1pPr>
          </a:lstStyle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2399" y="3416400"/>
            <a:ext cx="8402400" cy="875354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9pPr>
          </a:lstStyle>
          <a:p>
            <a:r>
              <a:rPr lang="en-GB" dirty="0"/>
              <a:t>Klik for at tilføje undertitel</a:t>
            </a:r>
            <a:endParaRPr lang="en-GB"/>
          </a:p>
        </p:txBody>
      </p:sp>
      <p:sp>
        <p:nvSpPr>
          <p:cNvPr id="24" name="text" descr="{&quot;templafy&quot;:{&quot;id&quot;:&quot;3953c235-c742-40a5-8ded-9f9c4981a7dc&quot;}}" title="UserProfile.Street.Department_{{DocumentLanguage}}">
            <a:extLst>
              <a:ext uri="{FF2B5EF4-FFF2-40B4-BE49-F238E27FC236}">
                <a16:creationId xmlns:a16="http://schemas.microsoft.com/office/drawing/2014/main" id="{DFE41B30-9CD5-4C56-B934-9702339DE8DE}"/>
              </a:ext>
            </a:extLst>
          </p:cNvPr>
          <p:cNvSpPr/>
          <p:nvPr userDrawn="1"/>
        </p:nvSpPr>
        <p:spPr>
          <a:xfrm>
            <a:off x="6110859" y="6162345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25" name="name" descr="{&quot;templafy&quot;:{&quot;id&quot;:&quot;23de2284-dff3-4132-b6e8-4f3002fb8f3b&quot;}}" title="UserProfile.Name">
            <a:extLst>
              <a:ext uri="{FF2B5EF4-FFF2-40B4-BE49-F238E27FC236}">
                <a16:creationId xmlns:a16="http://schemas.microsoft.com/office/drawing/2014/main" id="{E71AE462-3B0B-4B67-A5DA-B341CD4193A0}"/>
              </a:ext>
            </a:extLst>
          </p:cNvPr>
          <p:cNvSpPr/>
          <p:nvPr userDrawn="1"/>
        </p:nvSpPr>
        <p:spPr>
          <a:xfrm>
            <a:off x="6110859" y="6016601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sp>
        <p:nvSpPr>
          <p:cNvPr id="26" name="date" descr="{&quot;templafy&quot;:{&quot;id&quot;:&quot;04921bf6-a746-4794-8423-b31a03e09fc0&quot;}}" title="Form.Date">
            <a:extLst>
              <a:ext uri="{FF2B5EF4-FFF2-40B4-BE49-F238E27FC236}">
                <a16:creationId xmlns:a16="http://schemas.microsoft.com/office/drawing/2014/main" id="{499E7713-AD26-4CD7-842B-1A98A998D7C1}"/>
              </a:ext>
            </a:extLst>
          </p:cNvPr>
          <p:cNvSpPr/>
          <p:nvPr userDrawn="1"/>
        </p:nvSpPr>
        <p:spPr>
          <a:xfrm>
            <a:off x="6110859" y="5870428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900" b="1" noProof="0" dirty="0">
              <a:solidFill>
                <a:schemeClr val="accent1"/>
              </a:solidFill>
            </a:endParaRPr>
          </a:p>
        </p:txBody>
      </p:sp>
      <p:pic>
        <p:nvPicPr>
          <p:cNvPr id="872379787" name="image" descr="{&quot;templafy&quot;:{&quot;id&quot;:&quot;6d3938ea-52c2-4798-9544-c9ab028c2a6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976000"/>
            <a:ext cx="2048823" cy="32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862629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lide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4" name="Grafik">
            <a:extLst>
              <a:ext uri="{FF2B5EF4-FFF2-40B4-BE49-F238E27FC236}">
                <a16:creationId xmlns:a16="http://schemas.microsoft.com/office/drawing/2014/main" id="{53BE19C7-BC87-3340-31C4-8160B44F20D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300" y="0"/>
            <a:ext cx="12192000" cy="6858000"/>
          </a:xfrm>
          <a:prstGeom prst="rect">
            <a:avLst/>
          </a:prstGeom>
        </p:spPr>
      </p:pic>
      <p:sp>
        <p:nvSpPr>
          <p:cNvPr id="17" name="Titel 1">
            <a:extLst>
              <a:ext uri="{FF2B5EF4-FFF2-40B4-BE49-F238E27FC236}">
                <a16:creationId xmlns:a16="http://schemas.microsoft.com/office/drawing/2014/main" id="{A1EB266E-7402-4BF9-9501-305A7ADFC8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89200" y="2761200"/>
            <a:ext cx="1324800" cy="1346400"/>
          </a:xfrm>
        </p:spPr>
        <p:txBody>
          <a:bodyPr/>
          <a:lstStyle>
            <a:lvl1pPr algn="r">
              <a:defRPr sz="13000" b="1">
                <a:solidFill>
                  <a:schemeClr val="accent6"/>
                </a:solidFill>
                <a:latin typeface="+mn-lt"/>
              </a:defRPr>
            </a:lvl1pPr>
          </a:lstStyle>
          <a:p>
            <a:r>
              <a:rPr lang="en-GB" dirty="0"/>
              <a:t>4</a:t>
            </a:r>
            <a:endParaRPr lang="en-GB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48800" y="2865600"/>
            <a:ext cx="6987600" cy="2674800"/>
          </a:xfrm>
        </p:spPr>
        <p:txBody>
          <a:bodyPr anchor="t" anchorCtr="0"/>
          <a:lstStyle>
            <a:lvl1pPr marL="0" indent="0" algn="l">
              <a:lnSpc>
                <a:spcPct val="88000"/>
              </a:lnSpc>
              <a:spcAft>
                <a:spcPts val="1000"/>
              </a:spcAft>
              <a:buClrTx/>
              <a:buFont typeface="Arial" panose="020B0604020202020204" pitchFamily="34" charset="0"/>
              <a:buChar char="​"/>
              <a:defRPr sz="3600" b="0">
                <a:solidFill>
                  <a:schemeClr val="accent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Klik og indsæt tekst                   Klik ENTER og TAB for at få næste tekst niveau på 20 pkt.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</p:txBody>
      </p:sp>
      <p:sp>
        <p:nvSpPr>
          <p:cNvPr id="21" name="text" descr="{&quot;templafy&quot;:{&quot;id&quot;:&quot;b7d411f1-f3f0-4e62-ae19-c195406e5e63&quot;}}" title="UserProfile.Street.Department_{{DocumentLanguage}}">
            <a:extLst>
              <a:ext uri="{FF2B5EF4-FFF2-40B4-BE49-F238E27FC236}">
                <a16:creationId xmlns:a16="http://schemas.microsoft.com/office/drawing/2014/main" id="{41426583-2C2C-4182-A563-69EFB218E901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22" name="name" descr="{&quot;templafy&quot;:{&quot;id&quot;:&quot;ab0922cc-5c45-4c2e-a46d-0562c593125c&quot;}}" title="UserProfile.Name">
            <a:extLst>
              <a:ext uri="{FF2B5EF4-FFF2-40B4-BE49-F238E27FC236}">
                <a16:creationId xmlns:a16="http://schemas.microsoft.com/office/drawing/2014/main" id="{B92BD3E5-EE6A-437A-9CB1-58B3A6F850E4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pic>
        <p:nvPicPr>
          <p:cNvPr id="1768764337" name="image" descr="{&quot;templafy&quot;:{&quot;id&quot;:&quot;f6a953b2-bbd4-4506-8105-097be10406a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976000"/>
            <a:ext cx="2048823" cy="324000"/>
          </a:xfrm>
          <a:prstGeom prst="rect">
            <a:avLst/>
          </a:prstGeom>
        </p:spPr>
      </p:pic>
      <p:cxnSp>
        <p:nvCxnSpPr>
          <p:cNvPr id="18" name="Lige forbindelse 17">
            <a:extLst>
              <a:ext uri="{FF2B5EF4-FFF2-40B4-BE49-F238E27FC236}">
                <a16:creationId xmlns:a16="http://schemas.microsoft.com/office/drawing/2014/main" id="{9EA7A46A-6D01-4D61-872F-3BB9884F781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0A45EF0C-F6F3-4943-89E1-96DA892BB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0572355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ause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5" name="Grafik" descr="{&quot;templafy&quot;:{&quot;id&quot;:&quot;c58a48df-a9f3-47f4-a833-22ee60cefb46&quot;}}">
            <a:extLst>
              <a:ext uri="{FF2B5EF4-FFF2-40B4-BE49-F238E27FC236}">
                <a16:creationId xmlns:a16="http://schemas.microsoft.com/office/drawing/2014/main" id="{8951625E-78A6-F432-F2B5-9AD93E07393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7" name="text" descr="{&quot;templafy&quot;:{&quot;id&quot;:&quot;353f3e25-8e6b-47f4-9a08-47b47e03b319&quot;}}" title="UserProfile.Street.Department_{{DocumentLanguage}}">
            <a:extLst>
              <a:ext uri="{FF2B5EF4-FFF2-40B4-BE49-F238E27FC236}">
                <a16:creationId xmlns:a16="http://schemas.microsoft.com/office/drawing/2014/main" id="{55C898CE-6A45-464D-BDAF-02D8F7CBBDA9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bg1"/>
                </a:solidFill>
              </a:rPr>
              <a:t>UCN Bachelor of Education and CFU</a:t>
            </a:r>
          </a:p>
        </p:txBody>
      </p:sp>
      <p:sp>
        <p:nvSpPr>
          <p:cNvPr id="28" name="name" descr="{&quot;templafy&quot;:{&quot;id&quot;:&quot;1134dfe9-a3aa-49e7-aa54-96aa25585f65&quot;}}" title="UserProfile.Name">
            <a:extLst>
              <a:ext uri="{FF2B5EF4-FFF2-40B4-BE49-F238E27FC236}">
                <a16:creationId xmlns:a16="http://schemas.microsoft.com/office/drawing/2014/main" id="{D720BDF1-23E8-46DD-AD4D-51FA8A6A3C53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bg1"/>
                </a:solidFill>
              </a:rPr>
              <a:t>Anne Lassen Zakaria</a:t>
            </a:r>
          </a:p>
        </p:txBody>
      </p:sp>
      <p:pic>
        <p:nvPicPr>
          <p:cNvPr id="1306368425" name="image" descr="{&quot;templafy&quot;:{&quot;id&quot;:&quot;8ecbb0b3-ea71-4188-b7c6-a60877af652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976000"/>
            <a:ext cx="2041463" cy="324000"/>
          </a:xfrm>
          <a:prstGeom prst="rect">
            <a:avLst/>
          </a:prstGeom>
        </p:spPr>
      </p:pic>
      <p:sp>
        <p:nvSpPr>
          <p:cNvPr id="6" name="Title 5">
            <a:extLst>
              <a:ext uri="{FF2B5EF4-FFF2-40B4-BE49-F238E27FC236}">
                <a16:creationId xmlns:a16="http://schemas.microsoft.com/office/drawing/2014/main" id="{C4C3AD86-1E3E-59D7-FED4-EA4D35B30BC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211200" y="2761200"/>
            <a:ext cx="5770800" cy="666000"/>
          </a:xfrm>
        </p:spPr>
        <p:txBody>
          <a:bodyPr/>
          <a:lstStyle>
            <a:lvl1pPr algn="ctr">
              <a:defRPr sz="36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211200" y="3430800"/>
            <a:ext cx="5770800" cy="666000"/>
          </a:xfrm>
        </p:spPr>
        <p:txBody>
          <a:bodyPr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80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5pPr>
          </a:lstStyle>
          <a:p>
            <a:pPr lvl="0"/>
            <a:r>
              <a:rPr lang="en-GB" dirty="0"/>
              <a:t>Klik for at tilføje tekst</a:t>
            </a:r>
            <a:endParaRPr lang="en-GB"/>
          </a:p>
        </p:txBody>
      </p:sp>
      <p:cxnSp>
        <p:nvCxnSpPr>
          <p:cNvPr id="18" name="Lige forbindelse 17">
            <a:extLst>
              <a:ext uri="{FF2B5EF4-FFF2-40B4-BE49-F238E27FC236}">
                <a16:creationId xmlns:a16="http://schemas.microsoft.com/office/drawing/2014/main" id="{9EA7A46A-6D01-4D61-872F-3BB9884F781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0A45EF0C-F6F3-4943-89E1-96DA892BB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774015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s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ladsholder til dato 16" hidden="1">
            <a:extLst>
              <a:ext uri="{FF2B5EF4-FFF2-40B4-BE49-F238E27FC236}">
                <a16:creationId xmlns:a16="http://schemas.microsoft.com/office/drawing/2014/main" id="{1731C84F-56F7-4A86-93B2-44023FE02A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Pladsholder til sidefod 17" hidden="1">
            <a:extLst>
              <a:ext uri="{FF2B5EF4-FFF2-40B4-BE49-F238E27FC236}">
                <a16:creationId xmlns:a16="http://schemas.microsoft.com/office/drawing/2014/main" id="{114B76EA-00CA-49C3-BDB9-BB9265E6917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4" name="Slide Number Placeholder 5" hidden="1">
            <a:extLst>
              <a:ext uri="{FF2B5EF4-FFF2-40B4-BE49-F238E27FC236}">
                <a16:creationId xmlns:a16="http://schemas.microsoft.com/office/drawing/2014/main" id="{CCC11C80-A7CC-4D2E-A9DB-FFC6D63066B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ggr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gradFill>
            <a:gsLst>
              <a:gs pos="0">
                <a:schemeClr val="accent1"/>
              </a:gs>
              <a:gs pos="100000">
                <a:srgbClr val="00646E"/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07B8917B-F19F-4202-A0E4-A0FDB37265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82000" y="1990800"/>
            <a:ext cx="8352000" cy="2617470"/>
          </a:xfrm>
        </p:spPr>
        <p:txBody>
          <a:bodyPr/>
          <a:lstStyle>
            <a:lvl1pPr marL="0" indent="0" algn="ctr">
              <a:lnSpc>
                <a:spcPct val="88000"/>
              </a:lnSpc>
              <a:spcAft>
                <a:spcPts val="1000"/>
              </a:spcAft>
              <a:buClrTx/>
              <a:buFont typeface="Arial" panose="020B0604020202020204" pitchFamily="34" charset="0"/>
              <a:buChar char="​"/>
              <a:defRPr sz="3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None/>
              <a:defRPr sz="200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og indsæt tekst                                  Klik ENTER og TAB for at få næste tekst niveau på 20 pkt.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</p:txBody>
      </p:sp>
      <p:pic>
        <p:nvPicPr>
          <p:cNvPr id="15477334" name="image" descr="{&quot;templafy&quot;:{&quot;id&quot;:&quot;90f1726e-e5e0-4e41-a611-9f620335e18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24000" y="5415279"/>
            <a:ext cx="1937179" cy="97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63102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l bull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DFDC582-69C3-42DB-A0C2-AF4C43A376C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D08215F6-1357-4CE3-B6CB-075C4B14B6F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B05A5658-A186-496F-9CBB-21B2E977EC4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8A63A43E-87BE-4C81-A92E-D2F2620DF66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CC474FD8-278A-47CD-9D9C-9959CF9DAA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1500" y="1658938"/>
            <a:ext cx="11047413" cy="4052887"/>
          </a:xfrm>
        </p:spPr>
        <p:txBody>
          <a:bodyPr/>
          <a:lstStyle>
            <a:lvl1pPr marL="360000" indent="-360000">
              <a:lnSpc>
                <a:spcPct val="97000"/>
              </a:lnSpc>
              <a:buSzPct val="90000"/>
              <a:buFontTx/>
              <a:buBlip>
                <a:blip r:embed="rId2"/>
              </a:buBlip>
              <a:defRPr/>
            </a:lvl1pPr>
            <a:lvl2pPr marL="720000" indent="-360000">
              <a:buSzPct val="90000"/>
              <a:buFontTx/>
              <a:buBlip>
                <a:blip r:embed="rId2"/>
              </a:buBlip>
              <a:defRPr/>
            </a:lvl2pPr>
            <a:lvl3pPr marL="1080000" indent="-360000">
              <a:lnSpc>
                <a:spcPct val="101000"/>
              </a:lnSpc>
              <a:buSzPct val="90000"/>
              <a:buFontTx/>
              <a:buBlip>
                <a:blip r:embed="rId2"/>
              </a:buBlip>
              <a:defRPr/>
            </a:lvl3pPr>
            <a:lvl4pPr marL="1440000" indent="-360000">
              <a:lnSpc>
                <a:spcPct val="104000"/>
              </a:lnSpc>
              <a:buSzPct val="90000"/>
              <a:buFontTx/>
              <a:buBlip>
                <a:blip r:embed="rId2"/>
              </a:buBlip>
              <a:defRPr/>
            </a:lvl4pPr>
            <a:lvl5pPr marL="1800000" indent="-360000">
              <a:lnSpc>
                <a:spcPct val="107000"/>
              </a:lnSpc>
              <a:buSzPct val="90000"/>
              <a:buFontTx/>
              <a:buBlip>
                <a:blip r:embed="rId2"/>
              </a:buBlip>
              <a:defRPr/>
            </a:lvl5pPr>
            <a:lvl6pPr marL="360000" indent="-360000">
              <a:lnSpc>
                <a:spcPct val="104000"/>
              </a:lnSpc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/>
            </a:lvl6pPr>
            <a:lvl7pPr marL="720000" indent="-360000"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/>
            </a:lvl7pPr>
            <a:lvl8pPr marL="1080000" indent="-360000">
              <a:lnSpc>
                <a:spcPct val="100000"/>
              </a:lnSpc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/>
            </a:lvl8pPr>
            <a:lvl9pPr marL="1440000" indent="-360000">
              <a:lnSpc>
                <a:spcPct val="100000"/>
              </a:lnSpc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/>
            </a:lvl9pPr>
          </a:lstStyle>
          <a:p>
            <a:pPr lvl="0"/>
            <a:r>
              <a:rPr lang="en-GB" noProof="0" dirty="0"/>
              <a:t>Klik for at tilføje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1084744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CF183F2D-82B9-456F-A6A5-8377EE1A56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E6A05CAD-62A2-47A9-8872-E37165C6480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Pladsholder til dato 5" hidden="1">
            <a:extLst>
              <a:ext uri="{FF2B5EF4-FFF2-40B4-BE49-F238E27FC236}">
                <a16:creationId xmlns:a16="http://schemas.microsoft.com/office/drawing/2014/main" id="{DC6CF77E-777F-4196-B015-EAB90C91E97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64EF57B5-2368-490B-9547-BB8EDCF426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CA91E7A9-0E33-4D5F-A09A-56FBFBFD5A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Pladsholder til dato 4" hidden="1">
            <a:extLst>
              <a:ext uri="{FF2B5EF4-FFF2-40B4-BE49-F238E27FC236}">
                <a16:creationId xmlns:a16="http://schemas.microsoft.com/office/drawing/2014/main" id="{D6C64544-0680-4667-BAF2-4979EC8996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O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460007"/>
            <a:ext cx="2772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søge efter billede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719843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471209"/>
            <a:ext cx="2772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85744" y="1460007"/>
            <a:ext cx="277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YPOGRAFI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en-GB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en-GB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345425" y="3201422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45425" y="2460404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345425" y="4091902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3345425" y="5706610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96257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73362" y="3680936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585744" y="555518"/>
            <a:ext cx="11063329" cy="54336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en-GB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5164863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345425" y="47940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2026265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EDAA162-A7B7-4F9A-9EAF-DA24B6AB9CA5}" type="datetime1">
              <a:rPr lang="en-GB" smtClean="0"/>
              <a:t>28/09/2022</a:t>
            </a:fld>
            <a:endParaRPr lang="en-GB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98908006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Hvis du ser andre </a:t>
            </a:r>
            <a:r>
              <a:rPr lang="en-GB" sz="4400" b="1" i="1" noProof="0" dirty="0">
                <a:solidFill>
                  <a:schemeClr val="bg1"/>
                </a:solidFill>
              </a:rPr>
              <a:t>layouts efter dette,</a:t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en-GB" sz="4400" b="0" i="0" u="none" noProof="0" dirty="0">
                <a:solidFill>
                  <a:schemeClr val="bg1"/>
                </a:solidFill>
              </a:rPr>
              <a:t>vores </a:t>
            </a:r>
            <a:r>
              <a:rPr lang="en-GB" sz="4400" b="0" i="0" u="none" noProof="1">
                <a:solidFill>
                  <a:schemeClr val="bg1"/>
                </a:solidFill>
              </a:rPr>
              <a:t>corporate</a:t>
            </a:r>
            <a:r>
              <a:rPr lang="en-GB" sz="4400" b="0" i="0" u="none" noProof="0" dirty="0">
                <a:solidFill>
                  <a:schemeClr val="bg1"/>
                </a:solidFill>
              </a:rPr>
              <a:t> </a:t>
            </a:r>
            <a:r>
              <a:rPr lang="en-GB" sz="4400" b="0" noProof="0" dirty="0">
                <a:solidFill>
                  <a:schemeClr val="bg1"/>
                </a:solidFill>
              </a:rPr>
              <a:t>skabelon.</a:t>
            </a:r>
            <a:br>
              <a:rPr lang="da-DK" sz="2800" b="0" noProof="0" dirty="0">
                <a:solidFill>
                  <a:schemeClr val="bg1"/>
                </a:solidFill>
              </a:rPr>
            </a:br>
            <a:br>
              <a:rPr lang="da-DK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0000" b="1" i="1" noProof="0" dirty="0">
                <a:solidFill>
                  <a:schemeClr val="bg1"/>
                </a:solidFill>
              </a:rPr>
              <a:t>Brug dem ikke </a:t>
            </a:r>
            <a:endParaRPr lang="en-GB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en-GB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Footer Placeholder 3" hidden="1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4" hidden="1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 ver.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Date Placeholder 3" hidden="1">
            <a:extLst>
              <a:ext uri="{FF2B5EF4-FFF2-40B4-BE49-F238E27FC236}">
                <a16:creationId xmlns:a16="http://schemas.microsoft.com/office/drawing/2014/main" id="{7AEEEBB1-3A26-4EB0-A9B0-CE0EE342F4E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7" name="Footer Placeholder 4" hidden="1">
            <a:extLst>
              <a:ext uri="{FF2B5EF4-FFF2-40B4-BE49-F238E27FC236}">
                <a16:creationId xmlns:a16="http://schemas.microsoft.com/office/drawing/2014/main" id="{E97B93D8-FB04-4078-95B9-5AAF5D736A4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8" name="Slide Number Placeholder 5" hidden="1">
            <a:extLst>
              <a:ext uri="{FF2B5EF4-FFF2-40B4-BE49-F238E27FC236}">
                <a16:creationId xmlns:a16="http://schemas.microsoft.com/office/drawing/2014/main" id="{088DDF81-8C54-4915-8516-F84C9DBB77D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4" name="Baggrund">
            <a:extLst>
              <a:ext uri="{FF2B5EF4-FFF2-40B4-BE49-F238E27FC236}">
                <a16:creationId xmlns:a16="http://schemas.microsoft.com/office/drawing/2014/main" id="{AF139F6A-D077-4D63-A157-BD83C7C5A1A7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5" name="Grafik">
            <a:extLst>
              <a:ext uri="{FF2B5EF4-FFF2-40B4-BE49-F238E27FC236}">
                <a16:creationId xmlns:a16="http://schemas.microsoft.com/office/drawing/2014/main" id="{5F382D28-9A7E-793E-A335-AA72EAF201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3343"/>
            <a:ext cx="12192915" cy="6858514"/>
          </a:xfrm>
          <a:prstGeom prst="rect">
            <a:avLst/>
          </a:prstGeom>
          <a:solidFill>
            <a:srgbClr val="0046AD"/>
          </a:solidFill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2399" y="2790000"/>
            <a:ext cx="8402400" cy="1136327"/>
          </a:xfrm>
        </p:spPr>
        <p:txBody>
          <a:bodyPr anchor="b"/>
          <a:lstStyle>
            <a:lvl1pPr algn="l">
              <a:lnSpc>
                <a:spcPct val="87000"/>
              </a:lnSpc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2399" y="4032000"/>
            <a:ext cx="8402400" cy="875354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Klik for at tilføje undertitel</a:t>
            </a:r>
            <a:endParaRPr lang="en-GB"/>
          </a:p>
        </p:txBody>
      </p:sp>
      <p:sp>
        <p:nvSpPr>
          <p:cNvPr id="25" name="text" descr="{&quot;templafy&quot;:{&quot;id&quot;:&quot;136161d0-1632-47d1-bb23-154693412b31&quot;}}" title="UserProfile.Street.Department_{{DocumentLanguage}}">
            <a:extLst>
              <a:ext uri="{FF2B5EF4-FFF2-40B4-BE49-F238E27FC236}">
                <a16:creationId xmlns:a16="http://schemas.microsoft.com/office/drawing/2014/main" id="{79AAA1E0-014C-4062-A889-813BEF7D4693}"/>
              </a:ext>
            </a:extLst>
          </p:cNvPr>
          <p:cNvSpPr/>
          <p:nvPr userDrawn="1"/>
        </p:nvSpPr>
        <p:spPr>
          <a:xfrm>
            <a:off x="6110859" y="6162345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/>
              <a:t>UCN Bachelor of Education and CFU</a:t>
            </a:r>
          </a:p>
        </p:txBody>
      </p:sp>
      <p:sp>
        <p:nvSpPr>
          <p:cNvPr id="26" name="name" descr="{&quot;templafy&quot;:{&quot;id&quot;:&quot;5b3d8985-f2a5-41ea-88a1-167c79a4f372&quot;}}" title="UserProfile.Name">
            <a:extLst>
              <a:ext uri="{FF2B5EF4-FFF2-40B4-BE49-F238E27FC236}">
                <a16:creationId xmlns:a16="http://schemas.microsoft.com/office/drawing/2014/main" id="{E10F879A-B712-476B-B720-BF0767B1F5E4}"/>
              </a:ext>
            </a:extLst>
          </p:cNvPr>
          <p:cNvSpPr/>
          <p:nvPr userDrawn="1"/>
        </p:nvSpPr>
        <p:spPr>
          <a:xfrm>
            <a:off x="6110859" y="6016601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900" b="0" noProof="0" dirty="0"/>
              <a:t>Anne Lassen Zakaria</a:t>
            </a:r>
          </a:p>
        </p:txBody>
      </p:sp>
      <p:sp>
        <p:nvSpPr>
          <p:cNvPr id="27" name="date" descr="{&quot;templafy&quot;:{&quot;id&quot;:&quot;03a0ddbf-0af7-4c32-8efc-da7dec781522&quot;}}" title="Form.Date">
            <a:extLst>
              <a:ext uri="{FF2B5EF4-FFF2-40B4-BE49-F238E27FC236}">
                <a16:creationId xmlns:a16="http://schemas.microsoft.com/office/drawing/2014/main" id="{3B52B98E-4A1E-4D5E-9388-7B5C0747BF3F}"/>
              </a:ext>
            </a:extLst>
          </p:cNvPr>
          <p:cNvSpPr/>
          <p:nvPr userDrawn="1"/>
        </p:nvSpPr>
        <p:spPr>
          <a:xfrm>
            <a:off x="6110859" y="5870428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900" b="1" noProof="0" dirty="0"/>
          </a:p>
        </p:txBody>
      </p:sp>
      <p:pic>
        <p:nvPicPr>
          <p:cNvPr id="1747136361" name="image" descr="{&quot;templafy&quot;:{&quot;id&quot;:&quot;a63a1b5e-330c-4618-94ff-ffc129489f4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976000"/>
            <a:ext cx="2041463" cy="32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806005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slide ver.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ECC3B2FA-4B7A-4038-8394-5F74577CB20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8" name="Footer Placeholder 4" hidden="1">
            <a:extLst>
              <a:ext uri="{FF2B5EF4-FFF2-40B4-BE49-F238E27FC236}">
                <a16:creationId xmlns:a16="http://schemas.microsoft.com/office/drawing/2014/main" id="{38264C62-7B46-417D-A0C3-3A6CF30ECE2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9" name="Slide Number Placeholder 5" hidden="1">
            <a:extLst>
              <a:ext uri="{FF2B5EF4-FFF2-40B4-BE49-F238E27FC236}">
                <a16:creationId xmlns:a16="http://schemas.microsoft.com/office/drawing/2014/main" id="{514CB69D-8359-454B-942B-E38762398C9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99243C33-CA81-4371-BDFA-2B24F7E623A2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3200" cy="5713200"/>
          </a:xfrm>
          <a:solidFill>
            <a:schemeClr val="accent3"/>
          </a:solidFill>
        </p:spPr>
        <p:txBody>
          <a:bodyPr lIns="144000" tIns="0" bIns="108000" anchor="b" anchorCtr="0"/>
          <a:lstStyle>
            <a:lvl1pPr marL="0" indent="0" algn="l">
              <a:buNone/>
              <a:defRPr sz="1600"/>
            </a:lvl1pPr>
          </a:lstStyle>
          <a:p>
            <a:r>
              <a:rPr lang="en-GB" dirty="0"/>
              <a:t>Klik på billederammen for at indsætte et billede – via Templafy</a:t>
            </a:r>
            <a:endParaRPr lang="en-GB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3A3E1E7-5B9C-4681-B387-649C07AEADB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0" y="0"/>
            <a:ext cx="12193200" cy="2444400"/>
          </a:xfrm>
          <a:gradFill>
            <a:gsLst>
              <a:gs pos="0">
                <a:schemeClr val="accent1"/>
              </a:gs>
              <a:gs pos="100000">
                <a:schemeClr val="bg1">
                  <a:alpha val="0"/>
                </a:schemeClr>
              </a:gs>
              <a:gs pos="60000">
                <a:srgbClr val="0096A0">
                  <a:alpha val="80000"/>
                </a:srgbClr>
              </a:gs>
            </a:gsLst>
            <a:lin ang="5400000" scaled="0"/>
          </a:gradFill>
        </p:spPr>
        <p:txBody>
          <a:bodyPr lIns="576000" tIns="576000" rIns="576000" bIns="252000" anchor="t" anchorCtr="0"/>
          <a:lstStyle>
            <a:lvl1pPr algn="l">
              <a:lnSpc>
                <a:spcPct val="87000"/>
              </a:lnSpc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23" name="text" descr="{&quot;templafy&quot;:{&quot;id&quot;:&quot;a57405a6-c257-4e76-aebc-90680add2911&quot;}}" title="UserProfile.Street.Department_{{DocumentLanguage}}">
            <a:extLst>
              <a:ext uri="{FF2B5EF4-FFF2-40B4-BE49-F238E27FC236}">
                <a16:creationId xmlns:a16="http://schemas.microsoft.com/office/drawing/2014/main" id="{1479065A-8AD4-4D75-B930-53DC7FD1FDCD}"/>
              </a:ext>
            </a:extLst>
          </p:cNvPr>
          <p:cNvSpPr/>
          <p:nvPr userDrawn="1"/>
        </p:nvSpPr>
        <p:spPr>
          <a:xfrm>
            <a:off x="6110859" y="6162345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24" name="name" descr="{&quot;templafy&quot;:{&quot;id&quot;:&quot;a121c878-13b7-4d83-a146-527f6556aab3&quot;}}" title="UserProfile.Name">
            <a:extLst>
              <a:ext uri="{FF2B5EF4-FFF2-40B4-BE49-F238E27FC236}">
                <a16:creationId xmlns:a16="http://schemas.microsoft.com/office/drawing/2014/main" id="{F87BE626-DDBA-4A5D-A260-B4DD66E00F3E}"/>
              </a:ext>
            </a:extLst>
          </p:cNvPr>
          <p:cNvSpPr/>
          <p:nvPr userDrawn="1"/>
        </p:nvSpPr>
        <p:spPr>
          <a:xfrm>
            <a:off x="6110859" y="6016601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sp>
        <p:nvSpPr>
          <p:cNvPr id="25" name="date" descr="{&quot;templafy&quot;:{&quot;id&quot;:&quot;900c6bec-8056-466b-8c0c-0bcf5aecc7bd&quot;}}" title="Form.Date">
            <a:extLst>
              <a:ext uri="{FF2B5EF4-FFF2-40B4-BE49-F238E27FC236}">
                <a16:creationId xmlns:a16="http://schemas.microsoft.com/office/drawing/2014/main" id="{3644BB6D-0E07-49AE-A599-12A9D3F03D52}"/>
              </a:ext>
            </a:extLst>
          </p:cNvPr>
          <p:cNvSpPr/>
          <p:nvPr userDrawn="1"/>
        </p:nvSpPr>
        <p:spPr>
          <a:xfrm>
            <a:off x="6110859" y="5870428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900" b="1" noProof="0" dirty="0">
              <a:solidFill>
                <a:schemeClr val="accent1"/>
              </a:solidFill>
            </a:endParaRPr>
          </a:p>
        </p:txBody>
      </p:sp>
      <p:pic>
        <p:nvPicPr>
          <p:cNvPr id="167285318" name="image" descr="{&quot;templafy&quot;:{&quot;id&quot;:&quot;9cec8b94-1978-4abd-882c-fed46f1697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2400" y="5976000"/>
            <a:ext cx="2048823" cy="324000"/>
          </a:xfrm>
          <a:prstGeom prst="rect">
            <a:avLst/>
          </a:prstGeom>
        </p:spPr>
      </p:pic>
      <p:sp>
        <p:nvSpPr>
          <p:cNvPr id="12" name="Subtitle 2">
            <a:extLst>
              <a:ext uri="{FF2B5EF4-FFF2-40B4-BE49-F238E27FC236}">
                <a16:creationId xmlns:a16="http://schemas.microsoft.com/office/drawing/2014/main" id="{20A9F6C0-577A-453F-8141-2083A803FE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8416" y="1210257"/>
            <a:ext cx="8402400" cy="875354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Klik for at tilføje undertit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pstilling med ta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5488F280-5E91-4E2B-AC08-70C2068E090B}"/>
              </a:ext>
            </a:extLst>
          </p:cNvPr>
          <p:cNvSpPr>
            <a:spLocks noGrp="1"/>
          </p:cNvSpPr>
          <p:nvPr>
            <p:ph type="dt" sz="half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Baggrund">
            <a:extLst>
              <a:ext uri="{FF2B5EF4-FFF2-40B4-BE49-F238E27FC236}">
                <a16:creationId xmlns:a16="http://schemas.microsoft.com/office/drawing/2014/main" id="{AAB44CB8-1C9C-F568-3B00-E7A999B9038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gradFill>
            <a:gsLst>
              <a:gs pos="0">
                <a:schemeClr val="accent1"/>
              </a:gs>
              <a:gs pos="100000">
                <a:srgbClr val="00646E"/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44D8FC5A-9AF8-8C8A-74F1-6E992BDE395B}"/>
              </a:ext>
            </a:extLst>
          </p:cNvPr>
          <p:cNvSpPr>
            <a:spLocks noGrp="1" noChangeAspect="1"/>
          </p:cNvSpPr>
          <p:nvPr>
            <p:ph type="body" sz="quarter" idx="40" hasCustomPrompt="1"/>
          </p:nvPr>
        </p:nvSpPr>
        <p:spPr>
          <a:xfrm>
            <a:off x="1" y="1350215"/>
            <a:ext cx="588464" cy="1176928"/>
          </a:xfrm>
          <a:custGeom>
            <a:avLst/>
            <a:gdLst>
              <a:gd name="connsiteX0" fmla="*/ 0 w 588464"/>
              <a:gd name="connsiteY0" fmla="*/ 0 h 1176928"/>
              <a:gd name="connsiteX1" fmla="*/ 588464 w 588464"/>
              <a:gd name="connsiteY1" fmla="*/ 588464 h 1176928"/>
              <a:gd name="connsiteX2" fmla="*/ 0 w 588464"/>
              <a:gd name="connsiteY2" fmla="*/ 1176928 h 1176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588464" h="1176928">
                <a:moveTo>
                  <a:pt x="0" y="0"/>
                </a:moveTo>
                <a:lnTo>
                  <a:pt x="588464" y="588464"/>
                </a:lnTo>
                <a:lnTo>
                  <a:pt x="0" y="1176928"/>
                </a:lnTo>
                <a:close/>
              </a:path>
            </a:pathLst>
          </a:custGeom>
          <a:gradFill flip="none" rotWithShape="1">
            <a:gsLst>
              <a:gs pos="8000">
                <a:schemeClr val="accent1"/>
              </a:gs>
              <a:gs pos="100000">
                <a:schemeClr val="accent2"/>
              </a:gs>
            </a:gsLst>
            <a:lin ang="0" scaled="1"/>
            <a:tileRect/>
          </a:gra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080800" y="540000"/>
            <a:ext cx="9540000" cy="910800"/>
          </a:xfrm>
        </p:spPr>
        <p:txBody>
          <a:bodyPr/>
          <a:lstStyle>
            <a:lvl1pPr>
              <a:lnSpc>
                <a:spcPct val="87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Klik for at tilføje agenda titel</a:t>
            </a:r>
            <a:endParaRPr lang="en-GB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759600" y="1659600"/>
            <a:ext cx="738000" cy="684000"/>
          </a:xfrm>
        </p:spPr>
        <p:txBody>
          <a:bodyPr/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2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1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6D7DE8D1-19BC-4070-8D36-5A696671BC7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080800" y="1659600"/>
            <a:ext cx="9540000" cy="680400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1"/>
                </a:solidFill>
              </a:defRPr>
            </a:lvl1pPr>
            <a:lvl2pPr marL="43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2pPr>
            <a:lvl3pPr marL="648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3pPr>
            <a:lvl4pPr marL="864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4pPr>
            <a:lvl5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5pPr>
            <a:lvl6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6pPr>
            <a:lvl7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7pPr>
            <a:lvl8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8pPr>
            <a:lvl9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8CDF22BE-5801-48C2-A6B5-4576332A97D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59600" y="2707200"/>
            <a:ext cx="738000" cy="684000"/>
          </a:xfrm>
        </p:spPr>
        <p:txBody>
          <a:bodyPr/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2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2</a:t>
            </a:r>
            <a:endParaRPr lang="en-GB"/>
          </a:p>
        </p:txBody>
      </p:sp>
      <p:sp>
        <p:nvSpPr>
          <p:cNvPr id="16" name="Pladsholder til tekst 12">
            <a:extLst>
              <a:ext uri="{FF2B5EF4-FFF2-40B4-BE49-F238E27FC236}">
                <a16:creationId xmlns:a16="http://schemas.microsoft.com/office/drawing/2014/main" id="{2C11E6A8-4A8B-4505-9271-9416E3A901DC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080800" y="2710800"/>
            <a:ext cx="9540000" cy="680400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1"/>
                </a:solidFill>
              </a:defRPr>
            </a:lvl1pPr>
            <a:lvl2pPr marL="43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2pPr>
            <a:lvl3pPr marL="648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3pPr>
            <a:lvl4pPr marL="864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4pPr>
            <a:lvl5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5pPr>
            <a:lvl6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6pPr>
            <a:lvl7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7pPr>
            <a:lvl8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8pPr>
            <a:lvl9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1F02687-CD26-4E8E-9225-DB7A0FF1480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59600" y="3747600"/>
            <a:ext cx="738000" cy="684000"/>
          </a:xfrm>
        </p:spPr>
        <p:txBody>
          <a:bodyPr/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2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3</a:t>
            </a:r>
            <a:endParaRPr lang="en-GB"/>
          </a:p>
        </p:txBody>
      </p:sp>
      <p:sp>
        <p:nvSpPr>
          <p:cNvPr id="18" name="Pladsholder til tekst 12">
            <a:extLst>
              <a:ext uri="{FF2B5EF4-FFF2-40B4-BE49-F238E27FC236}">
                <a16:creationId xmlns:a16="http://schemas.microsoft.com/office/drawing/2014/main" id="{3AF64B71-9B5C-4752-930A-6B28B278E19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080800" y="3751200"/>
            <a:ext cx="9540000" cy="680400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1"/>
                </a:solidFill>
              </a:defRPr>
            </a:lvl1pPr>
            <a:lvl2pPr marL="43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2pPr>
            <a:lvl3pPr marL="648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3pPr>
            <a:lvl4pPr marL="864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4pPr>
            <a:lvl5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5pPr>
            <a:lvl6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6pPr>
            <a:lvl7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7pPr>
            <a:lvl8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8pPr>
            <a:lvl9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3FF36508-58FB-4140-A8F9-90222E66984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59600" y="4788000"/>
            <a:ext cx="738000" cy="684000"/>
          </a:xfrm>
        </p:spPr>
        <p:txBody>
          <a:bodyPr/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2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4</a:t>
            </a:r>
            <a:endParaRPr lang="en-GB"/>
          </a:p>
        </p:txBody>
      </p:sp>
      <p:sp>
        <p:nvSpPr>
          <p:cNvPr id="23" name="Pladsholder til tekst 12">
            <a:extLst>
              <a:ext uri="{FF2B5EF4-FFF2-40B4-BE49-F238E27FC236}">
                <a16:creationId xmlns:a16="http://schemas.microsoft.com/office/drawing/2014/main" id="{6D8C1071-B58C-4E5F-843D-623ACF5E9B3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080800" y="4788000"/>
            <a:ext cx="9540000" cy="680400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1"/>
                </a:solidFill>
              </a:defRPr>
            </a:lvl1pPr>
            <a:lvl2pPr marL="43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2pPr>
            <a:lvl3pPr marL="648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3pPr>
            <a:lvl4pPr marL="864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4pPr>
            <a:lvl5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defRPr sz="1600">
                <a:solidFill>
                  <a:schemeClr val="tx1"/>
                </a:solidFill>
              </a:defRPr>
            </a:lvl5pPr>
            <a:lvl6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6pPr>
            <a:lvl7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7pPr>
            <a:lvl8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8pPr>
            <a:lvl9pPr marL="1152000" indent="-216000">
              <a:lnSpc>
                <a:spcPct val="99000"/>
              </a:lnSpc>
              <a:spcAft>
                <a:spcPts val="600"/>
              </a:spcAft>
              <a:buClr>
                <a:schemeClr val="accent2"/>
              </a:buClr>
              <a:buSzPct val="100000"/>
              <a:buFont typeface="Verdana" panose="020B0604030504040204" pitchFamily="34" charset="0"/>
              <a:buChar char="●"/>
              <a:defRPr sz="16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FD021510-75FC-3964-D2CC-64F4C2EF1ECB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89270" y="1394666"/>
            <a:ext cx="1080000" cy="1080000"/>
          </a:xfrm>
          <a:prstGeom prst="ellipse">
            <a:avLst/>
          </a:prstGeom>
          <a:solidFill>
            <a:schemeClr val="accent2"/>
          </a:solidFill>
        </p:spPr>
        <p:txBody>
          <a:bodyPr anchor="ctr"/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tx1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1</a:t>
            </a:r>
            <a:endParaRPr lang="en-GB"/>
          </a:p>
        </p:txBody>
      </p:sp>
      <p:sp>
        <p:nvSpPr>
          <p:cNvPr id="19" name="text" descr="{&quot;templafy&quot;:{&quot;id&quot;:&quot;8e0eb927-eb0d-46cc-96f8-36af696164ac&quot;}}" title="UserProfile.Street.Department_{{DocumentLanguage}}">
            <a:extLst>
              <a:ext uri="{FF2B5EF4-FFF2-40B4-BE49-F238E27FC236}">
                <a16:creationId xmlns:a16="http://schemas.microsoft.com/office/drawing/2014/main" id="{6A220E64-3D6E-4923-25FD-052C4D5B9EB7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tx1"/>
                </a:solidFill>
              </a:rPr>
              <a:t>UCN Bachelor of Education and CFU</a:t>
            </a:r>
          </a:p>
        </p:txBody>
      </p:sp>
      <p:sp>
        <p:nvSpPr>
          <p:cNvPr id="21" name="name" descr="{&quot;templafy&quot;:{&quot;id&quot;:&quot;a4ef6f87-6fed-4783-9f6e-cba41af0afef&quot;}}" title="UserProfile.Name">
            <a:extLst>
              <a:ext uri="{FF2B5EF4-FFF2-40B4-BE49-F238E27FC236}">
                <a16:creationId xmlns:a16="http://schemas.microsoft.com/office/drawing/2014/main" id="{E169C7F7-0AC4-7E75-A3F3-66FA9D1412F8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tx1"/>
                </a:solidFill>
              </a:rPr>
              <a:t>Anne Lassen Zakaria</a:t>
            </a:r>
          </a:p>
        </p:txBody>
      </p:sp>
      <p:pic>
        <p:nvPicPr>
          <p:cNvPr id="575580366" name="image" descr="{&quot;templafy&quot;:{&quot;id&quot;:&quot;b13dd203-431b-45fc-9d4e-ae728807ca3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2400" y="5976000"/>
            <a:ext cx="2041463" cy="324000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4798A9E-5939-4F7B-8DA7-C54216170A6A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C6A4559-A0AF-489D-8109-776B175936D3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10" name="Lige forbindelse 24">
            <a:extLst>
              <a:ext uri="{FF2B5EF4-FFF2-40B4-BE49-F238E27FC236}">
                <a16:creationId xmlns:a16="http://schemas.microsoft.com/office/drawing/2014/main" id="{E36D0599-3591-8961-C5F0-570516C573B3}"/>
              </a:ext>
            </a:extLst>
          </p:cNvPr>
          <p:cNvCxnSpPr>
            <a:cxnSpLocks/>
          </p:cNvCxnSpPr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9831753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pstilling med tal ver.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67A0B3-062C-FB40-41DA-4971E38759F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Klik for at tilføje agenda titel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2863C16-5F39-220E-412F-39BD2B9421A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C2E741-FBC8-D096-C6B2-C67A5680CCA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A192163-8B6A-2B5E-487D-7575FA0CAB3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2ED35FA-E681-D29B-0259-D9B4409A5B8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1500" y="1613877"/>
            <a:ext cx="738000" cy="684000"/>
          </a:xfrm>
        </p:spPr>
        <p:txBody>
          <a:bodyPr/>
          <a:lstStyle>
            <a:lvl1pPr marL="0" indent="0" algn="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rgbClr val="0096A0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01</a:t>
            </a:r>
            <a:endParaRPr lang="en-GB"/>
          </a:p>
        </p:txBody>
      </p:sp>
      <p:sp>
        <p:nvSpPr>
          <p:cNvPr id="7" name="Pladsholder til tekst 12">
            <a:extLst>
              <a:ext uri="{FF2B5EF4-FFF2-40B4-BE49-F238E27FC236}">
                <a16:creationId xmlns:a16="http://schemas.microsoft.com/office/drawing/2014/main" id="{F846DC3D-7AD4-AE30-DEFF-EAFB8F5A616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648258" y="1661282"/>
            <a:ext cx="4190303" cy="1048051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096CC2E-57B0-F7BD-21D5-1D34E99F0D7C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571500" y="2920805"/>
            <a:ext cx="738000" cy="684000"/>
          </a:xfrm>
        </p:spPr>
        <p:txBody>
          <a:bodyPr/>
          <a:lstStyle>
            <a:lvl1pPr marL="0" indent="0" algn="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rgbClr val="0096A0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02</a:t>
            </a:r>
            <a:endParaRPr lang="en-GB"/>
          </a:p>
        </p:txBody>
      </p:sp>
      <p:sp>
        <p:nvSpPr>
          <p:cNvPr id="9" name="Pladsholder til tekst 12">
            <a:extLst>
              <a:ext uri="{FF2B5EF4-FFF2-40B4-BE49-F238E27FC236}">
                <a16:creationId xmlns:a16="http://schemas.microsoft.com/office/drawing/2014/main" id="{17D7F440-2CC5-9CE4-3E36-29917953CA4D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1647359" y="2983309"/>
            <a:ext cx="4190303" cy="1048051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EDBEACD0-DB40-6679-76CB-453738B5505B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569522" y="4227733"/>
            <a:ext cx="738000" cy="684000"/>
          </a:xfrm>
        </p:spPr>
        <p:txBody>
          <a:bodyPr/>
          <a:lstStyle>
            <a:lvl1pPr marL="0" indent="0" algn="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rgbClr val="0096A0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03</a:t>
            </a:r>
            <a:endParaRPr lang="en-GB"/>
          </a:p>
        </p:txBody>
      </p:sp>
      <p:sp>
        <p:nvSpPr>
          <p:cNvPr id="11" name="Pladsholder til tekst 12">
            <a:extLst>
              <a:ext uri="{FF2B5EF4-FFF2-40B4-BE49-F238E27FC236}">
                <a16:creationId xmlns:a16="http://schemas.microsoft.com/office/drawing/2014/main" id="{8CD1AED7-13B1-4C72-AC11-3960DCE6390E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1647359" y="4305336"/>
            <a:ext cx="4190303" cy="1048051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46BE703E-D435-3C32-07CA-A8E5CCB363FE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6353441" y="1613877"/>
            <a:ext cx="738000" cy="684000"/>
          </a:xfrm>
        </p:spPr>
        <p:txBody>
          <a:bodyPr/>
          <a:lstStyle>
            <a:lvl1pPr marL="0" indent="0" algn="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rgbClr val="0096A0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04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38F1BD8D-C22A-82A2-5235-7DA7D8D1E91F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7429300" y="1670365"/>
            <a:ext cx="4190303" cy="1048051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4DD5C42B-C644-2ECE-662D-B9E76BFCADF6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6353441" y="2920805"/>
            <a:ext cx="738000" cy="684000"/>
          </a:xfrm>
        </p:spPr>
        <p:txBody>
          <a:bodyPr/>
          <a:lstStyle>
            <a:lvl1pPr marL="0" indent="0" algn="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rgbClr val="0096A0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05</a:t>
            </a:r>
            <a:endParaRPr lang="en-GB"/>
          </a:p>
        </p:txBody>
      </p:sp>
      <p:sp>
        <p:nvSpPr>
          <p:cNvPr id="15" name="Pladsholder til tekst 12">
            <a:extLst>
              <a:ext uri="{FF2B5EF4-FFF2-40B4-BE49-F238E27FC236}">
                <a16:creationId xmlns:a16="http://schemas.microsoft.com/office/drawing/2014/main" id="{09D0664C-B27E-41F7-3D4B-B40B32CAF24C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7429300" y="2983309"/>
            <a:ext cx="4190303" cy="1048051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CC66073F-539B-92D4-3818-BADE90B4F85F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6353441" y="4227733"/>
            <a:ext cx="738000" cy="684000"/>
          </a:xfrm>
        </p:spPr>
        <p:txBody>
          <a:bodyPr/>
          <a:lstStyle>
            <a:lvl1pPr marL="0" indent="0" algn="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rgbClr val="0096A0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en-GB" noProof="0" dirty="0"/>
              <a:t>06</a:t>
            </a:r>
            <a:endParaRPr lang="en-GB"/>
          </a:p>
        </p:txBody>
      </p:sp>
      <p:sp>
        <p:nvSpPr>
          <p:cNvPr id="17" name="Pladsholder til tekst 12">
            <a:extLst>
              <a:ext uri="{FF2B5EF4-FFF2-40B4-BE49-F238E27FC236}">
                <a16:creationId xmlns:a16="http://schemas.microsoft.com/office/drawing/2014/main" id="{4B1FFB40-E351-381D-F401-EB991D29E870}"/>
              </a:ext>
            </a:extLst>
          </p:cNvPr>
          <p:cNvSpPr>
            <a:spLocks noGrp="1"/>
          </p:cNvSpPr>
          <p:nvPr>
            <p:ph type="body" sz="quarter" idx="48" hasCustomPrompt="1"/>
          </p:nvPr>
        </p:nvSpPr>
        <p:spPr>
          <a:xfrm>
            <a:off x="7431278" y="4305336"/>
            <a:ext cx="4190303" cy="1048051"/>
          </a:xfrm>
        </p:spPr>
        <p:txBody>
          <a:bodyPr/>
          <a:lstStyle>
            <a:lvl1pPr marL="0" indent="0">
              <a:lnSpc>
                <a:spcPct val="99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2208176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Klik for at indsætte titel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og indsæt tekst</a:t>
            </a:r>
            <a:endParaRPr lang="en-GB" dirty="0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D0107FF-DA66-4605-966E-B852F496F2D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31F6228-5694-40C9-A0C2-3E1913D8D8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8E06CC4C-7A01-43BB-8AB2-D43757359E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 Brand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ggrund">
            <a:extLst>
              <a:ext uri="{FF2B5EF4-FFF2-40B4-BE49-F238E27FC236}">
                <a16:creationId xmlns:a16="http://schemas.microsoft.com/office/drawing/2014/main" id="{C654B2B5-C5C7-55F2-C200-D546681173F2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gradFill>
            <a:gsLst>
              <a:gs pos="0">
                <a:schemeClr val="accent1"/>
              </a:gs>
              <a:gs pos="100000">
                <a:srgbClr val="00646E"/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15D8B6B-E666-4086-1334-8EF254D655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Klik for at indsætte titel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4DE0525-91A0-1B71-0BD8-F0E27921403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73B726-29E0-AD70-816D-884117E9802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2C579EF-D7BC-A241-B19F-FE69722A458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38998075-7FC2-F9DC-99E7-52489D72DE3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72400" y="1659599"/>
            <a:ext cx="11048400" cy="4053600"/>
          </a:xfrm>
        </p:spPr>
        <p:txBody>
          <a:bodyPr/>
          <a:lstStyle>
            <a:lvl1pPr>
              <a:buClrTx/>
              <a:defRPr>
                <a:solidFill>
                  <a:schemeClr val="tx1"/>
                </a:solidFill>
              </a:defRPr>
            </a:lvl1pPr>
            <a:lvl2pPr>
              <a:buClrTx/>
              <a:defRPr>
                <a:solidFill>
                  <a:schemeClr val="tx1"/>
                </a:solidFill>
              </a:defRPr>
            </a:lvl2pPr>
            <a:lvl3pPr>
              <a:buClrTx/>
              <a:defRPr>
                <a:solidFill>
                  <a:schemeClr val="tx1"/>
                </a:solidFill>
              </a:defRPr>
            </a:lvl3pPr>
            <a:lvl4pPr>
              <a:buClrTx/>
              <a:defRPr>
                <a:solidFill>
                  <a:schemeClr val="tx1"/>
                </a:solidFill>
              </a:defRPr>
            </a:lvl4pPr>
            <a:lvl5pPr>
              <a:buClrTx/>
              <a:defRPr>
                <a:solidFill>
                  <a:schemeClr val="tx1"/>
                </a:solidFill>
              </a:defRPr>
            </a:lvl5pPr>
            <a:lvl6pPr marL="360000" indent="-360000">
              <a:buFontTx/>
              <a:buBlip>
                <a:blip r:embed="rId2">
                  <a:extLst>
                    <a:ext uri="{96DAC541-7B7A-43D3-8B79-37D633B846F1}">
                      <asvg:svgBlip xmlns:asvg="http://schemas.microsoft.com/office/drawing/2016/SVG/main" r:embed="rId3"/>
                    </a:ext>
                  </a:extLst>
                </a:blip>
              </a:buBlip>
              <a:defRPr>
                <a:solidFill>
                  <a:schemeClr val="tx1"/>
                </a:solidFill>
              </a:defRPr>
            </a:lvl6pPr>
            <a:lvl7pPr marL="720000" indent="-360000">
              <a:buFontTx/>
              <a:buBlip>
                <a:blip r:embed="rId2">
                  <a:extLst>
                    <a:ext uri="{96DAC541-7B7A-43D3-8B79-37D633B846F1}">
                      <asvg:svgBlip xmlns:asvg="http://schemas.microsoft.com/office/drawing/2016/SVG/main" r:embed="rId3"/>
                    </a:ext>
                  </a:extLst>
                </a:blip>
              </a:buBlip>
              <a:defRPr>
                <a:solidFill>
                  <a:schemeClr val="tx1"/>
                </a:solidFill>
              </a:defRPr>
            </a:lvl7pPr>
            <a:lvl8pPr marL="1080000" indent="-360000">
              <a:buFontTx/>
              <a:buBlip>
                <a:blip r:embed="rId2">
                  <a:extLst>
                    <a:ext uri="{96DAC541-7B7A-43D3-8B79-37D633B846F1}">
                      <asvg:svgBlip xmlns:asvg="http://schemas.microsoft.com/office/drawing/2016/SVG/main" r:embed="rId3"/>
                    </a:ext>
                  </a:extLst>
                </a:blip>
              </a:buBlip>
              <a:defRPr>
                <a:solidFill>
                  <a:schemeClr val="tx1"/>
                </a:solidFill>
              </a:defRPr>
            </a:lvl8pPr>
            <a:lvl9pPr marL="1440000" indent="-360000">
              <a:buFontTx/>
              <a:buBlip>
                <a:blip r:embed="rId2">
                  <a:extLst>
                    <a:ext uri="{96DAC541-7B7A-43D3-8B79-37D633B846F1}">
                      <asvg:svgBlip xmlns:asvg="http://schemas.microsoft.com/office/drawing/2016/SVG/main" r:embed="rId3"/>
                    </a:ext>
                  </a:extLst>
                </a:blip>
              </a:buBlip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cxnSp>
        <p:nvCxnSpPr>
          <p:cNvPr id="14" name="Lige forbindelse 10">
            <a:extLst>
              <a:ext uri="{FF2B5EF4-FFF2-40B4-BE49-F238E27FC236}">
                <a16:creationId xmlns:a16="http://schemas.microsoft.com/office/drawing/2014/main" id="{D7A56648-5D37-90C1-669D-1D10394DF5BC}"/>
              </a:ext>
            </a:extLst>
          </p:cNvPr>
          <p:cNvCxnSpPr>
            <a:cxnSpLocks/>
          </p:cNvCxnSpPr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" descr="{&quot;templafy&quot;:{&quot;id&quot;:&quot;ca68b629-b054-44e4-b612-6e0e46cc8b8d&quot;}}" title="UserProfile.Street.Department_{{DocumentLanguage}}">
            <a:extLst>
              <a:ext uri="{FF2B5EF4-FFF2-40B4-BE49-F238E27FC236}">
                <a16:creationId xmlns:a16="http://schemas.microsoft.com/office/drawing/2014/main" id="{9386D98A-F579-E07A-70A0-7FAE9E43296A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tx1"/>
                </a:solidFill>
              </a:rPr>
              <a:t>UCN Bachelor of Education and CFU</a:t>
            </a:r>
          </a:p>
        </p:txBody>
      </p:sp>
      <p:sp>
        <p:nvSpPr>
          <p:cNvPr id="18" name="name" descr="{&quot;templafy&quot;:{&quot;id&quot;:&quot;217b6685-91b2-4dd4-b171-0413d0a87e25&quot;}}" title="UserProfile.Name">
            <a:extLst>
              <a:ext uri="{FF2B5EF4-FFF2-40B4-BE49-F238E27FC236}">
                <a16:creationId xmlns:a16="http://schemas.microsoft.com/office/drawing/2014/main" id="{00193E5F-06E5-34DB-4D5F-ACF31761819E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tx1"/>
                </a:solidFill>
              </a:rPr>
              <a:t>Anne Lassen Zakaria</a:t>
            </a:r>
          </a:p>
        </p:txBody>
      </p:sp>
      <p:pic>
        <p:nvPicPr>
          <p:cNvPr id="216108782" name="image" descr="{&quot;templafy&quot;:{&quot;id&quot;:&quot;ff4a7321-508a-45ad-ab6b-7e36fef47cd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72400" y="5976000"/>
            <a:ext cx="2041463" cy="32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0468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sobjek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D4D144B-3196-2F0A-35D7-C14BB903A702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566A9033-69D9-3A56-5B86-FF7024C1F6C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945200" y="543600"/>
            <a:ext cx="4246800" cy="5173200"/>
          </a:xfrm>
          <a:custGeom>
            <a:avLst/>
            <a:gdLst>
              <a:gd name="connsiteX0" fmla="*/ 2586600 w 4246800"/>
              <a:gd name="connsiteY0" fmla="*/ 0 h 5173200"/>
              <a:gd name="connsiteX1" fmla="*/ 4231918 w 4246800"/>
              <a:gd name="connsiteY1" fmla="*/ 590654 h 5173200"/>
              <a:gd name="connsiteX2" fmla="*/ 4246800 w 4246800"/>
              <a:gd name="connsiteY2" fmla="*/ 604180 h 5173200"/>
              <a:gd name="connsiteX3" fmla="*/ 4246800 w 4246800"/>
              <a:gd name="connsiteY3" fmla="*/ 4569021 h 5173200"/>
              <a:gd name="connsiteX4" fmla="*/ 4231918 w 4246800"/>
              <a:gd name="connsiteY4" fmla="*/ 4582547 h 5173200"/>
              <a:gd name="connsiteX5" fmla="*/ 2586600 w 4246800"/>
              <a:gd name="connsiteY5" fmla="*/ 5173200 h 5173200"/>
              <a:gd name="connsiteX6" fmla="*/ 0 w 4246800"/>
              <a:gd name="connsiteY6" fmla="*/ 2586600 h 5173200"/>
              <a:gd name="connsiteX7" fmla="*/ 2586600 w 4246800"/>
              <a:gd name="connsiteY7" fmla="*/ 0 h 51732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4246800" h="5173200">
                <a:moveTo>
                  <a:pt x="2586600" y="0"/>
                </a:moveTo>
                <a:cubicBezTo>
                  <a:pt x="3211586" y="0"/>
                  <a:pt x="3784801" y="221660"/>
                  <a:pt x="4231918" y="590654"/>
                </a:cubicBezTo>
                <a:lnTo>
                  <a:pt x="4246800" y="604180"/>
                </a:lnTo>
                <a:lnTo>
                  <a:pt x="4246800" y="4569021"/>
                </a:lnTo>
                <a:lnTo>
                  <a:pt x="4231918" y="4582547"/>
                </a:lnTo>
                <a:cubicBezTo>
                  <a:pt x="3784801" y="4951540"/>
                  <a:pt x="3211586" y="5173200"/>
                  <a:pt x="2586600" y="5173200"/>
                </a:cubicBezTo>
                <a:cubicBezTo>
                  <a:pt x="1158060" y="5173200"/>
                  <a:pt x="0" y="4015140"/>
                  <a:pt x="0" y="2586600"/>
                </a:cubicBezTo>
                <a:cubicBezTo>
                  <a:pt x="0" y="1158060"/>
                  <a:pt x="1158060" y="0"/>
                  <a:pt x="2586600" y="0"/>
                </a:cubicBezTo>
                <a:close/>
              </a:path>
            </a:pathLst>
          </a:custGeom>
          <a:noFill/>
        </p:spPr>
        <p:txBody>
          <a:bodyPr wrap="square" lIns="828000" tIns="504000" rIns="216000" anchor="t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Klik på billederammen for at indsætte et billede – via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2400" y="540000"/>
            <a:ext cx="6973200" cy="910800"/>
          </a:xfrm>
        </p:spPr>
        <p:txBody>
          <a:bodyPr/>
          <a:lstStyle/>
          <a:p>
            <a:r>
              <a:rPr lang="en-GB" noProof="0" dirty="0"/>
              <a:t>Klik for at indsætte titel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B1F46162-0F61-4C68-AE6F-6A8FEE219E50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72400" y="1659599"/>
            <a:ext cx="6973200" cy="4053600"/>
          </a:xfrm>
        </p:spPr>
        <p:txBody>
          <a:bodyPr/>
          <a:lstStyle/>
          <a:p>
            <a:pPr lvl="0"/>
            <a:r>
              <a:rPr lang="en-GB" noProof="0" dirty="0"/>
              <a:t>Klik for at tilføje tekst</a:t>
            </a:r>
            <a:endParaRPr lang="en-GB" dirty="0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A34618F-C645-7886-8557-424DFCD0DA12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B4279D1-FADA-512A-3F2D-70ED0B4DF47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976666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image" Target="../media/image2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2399" y="540000"/>
            <a:ext cx="11048400" cy="9108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72400" y="1659599"/>
            <a:ext cx="11048400" cy="4053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</a:t>
            </a:r>
            <a:endParaRPr lang="en-GB"/>
          </a:p>
          <a:p>
            <a:pPr lvl="1"/>
            <a:r>
              <a:rPr lang="en-GB" noProof="0" dirty="0"/>
              <a:t>Level 2</a:t>
            </a:r>
            <a:endParaRPr lang="en-GB"/>
          </a:p>
          <a:p>
            <a:pPr lvl="2"/>
            <a:r>
              <a:rPr lang="en-GB" noProof="0" dirty="0"/>
              <a:t>Level 3</a:t>
            </a:r>
            <a:endParaRPr lang="en-GB"/>
          </a:p>
          <a:p>
            <a:pPr lvl="3"/>
            <a:r>
              <a:rPr lang="en-GB" noProof="0" dirty="0"/>
              <a:t>Level 4</a:t>
            </a:r>
            <a:endParaRPr lang="en-GB"/>
          </a:p>
          <a:p>
            <a:pPr lvl="4"/>
            <a:r>
              <a:rPr lang="en-GB" noProof="0" dirty="0"/>
              <a:t>Level 5</a:t>
            </a:r>
            <a:endParaRPr lang="en-GB"/>
          </a:p>
          <a:p>
            <a:pPr lvl="5"/>
            <a:r>
              <a:rPr lang="en-GB" noProof="0" dirty="0"/>
              <a:t>Level 6</a:t>
            </a:r>
            <a:endParaRPr lang="en-GB"/>
          </a:p>
          <a:p>
            <a:pPr lvl="6"/>
            <a:r>
              <a:rPr lang="en-GB" noProof="0" dirty="0"/>
              <a:t>Level 7</a:t>
            </a:r>
            <a:endParaRPr lang="en-GB"/>
          </a:p>
          <a:p>
            <a:pPr lvl="7"/>
            <a:r>
              <a:rPr lang="en-GB" noProof="0" dirty="0"/>
              <a:t>Level 8</a:t>
            </a:r>
            <a:endParaRPr lang="en-GB"/>
          </a:p>
          <a:p>
            <a:pPr lvl="8"/>
            <a:r>
              <a:rPr lang="en-GB" noProof="0" dirty="0"/>
              <a:t>Level 9</a:t>
            </a:r>
            <a:endParaRPr lang="en-GB"/>
          </a:p>
        </p:txBody>
      </p:sp>
      <p:cxnSp>
        <p:nvCxnSpPr>
          <p:cNvPr id="13" name="Lige forbindelse 12">
            <a:extLst>
              <a:ext uri="{FF2B5EF4-FFF2-40B4-BE49-F238E27FC236}">
                <a16:creationId xmlns:a16="http://schemas.microsoft.com/office/drawing/2014/main" id="{17218222-E267-4BB2-8B16-3365F77E76FA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" descr="{&quot;templafy&quot;:{&quot;id&quot;:&quot;d0f77450-6e4b-4235-88ad-282a6a26cb36&quot;}}" title="UserProfile.Street.Department_{{DocumentLanguage}}">
            <a:extLst>
              <a:ext uri="{FF2B5EF4-FFF2-40B4-BE49-F238E27FC236}">
                <a16:creationId xmlns:a16="http://schemas.microsoft.com/office/drawing/2014/main" id="{153823DA-075C-4C52-9F0C-0793B4FB697C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UCN Bachelor of Education and CFU</a:t>
            </a:r>
          </a:p>
        </p:txBody>
      </p:sp>
      <p:sp>
        <p:nvSpPr>
          <p:cNvPr id="15" name="name" descr="{&quot;templafy&quot;:{&quot;id&quot;:&quot;3a346782-b0d9-497b-ad85-b2015c81f8d1&quot;}}" title="UserProfile.Name">
            <a:extLst>
              <a:ext uri="{FF2B5EF4-FFF2-40B4-BE49-F238E27FC236}">
                <a16:creationId xmlns:a16="http://schemas.microsoft.com/office/drawing/2014/main" id="{6E3758D2-74FA-4482-B4DA-C794F9CEDE85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900" b="0" noProof="0" dirty="0">
                <a:solidFill>
                  <a:schemeClr val="accent1"/>
                </a:solidFill>
              </a:rPr>
              <a:t>Anne Lassen Zakaria</a:t>
            </a:r>
          </a:p>
        </p:txBody>
      </p:sp>
      <p:pic>
        <p:nvPicPr>
          <p:cNvPr id="2010202354" name="image" descr="{&quot;templafy&quot;:{&quot;id&quot;:&quot;23948d8c-3b9a-4c5e-94e8-d06f61ebc9d3&quot;}}"/>
          <p:cNvPicPr>
            <a:picLocks noChangeAspect="1"/>
          </p:cNvPicPr>
          <p:nvPr/>
        </p:nvPicPr>
        <p:blipFill>
          <a:blip r:embed="rId29"/>
          <a:stretch>
            <a:fillRect/>
          </a:stretch>
        </p:blipFill>
        <p:spPr>
          <a:xfrm>
            <a:off x="572400" y="5976000"/>
            <a:ext cx="2048823" cy="32400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185357" y="5823368"/>
            <a:ext cx="434241" cy="51841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800"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Date Placeholder 3" hidden="1">
            <a:extLst>
              <a:ext uri="{FF2B5EF4-FFF2-40B4-BE49-F238E27FC236}">
                <a16:creationId xmlns:a16="http://schemas.microsoft.com/office/drawing/2014/main" id="{2F29BA83-A4F5-41AE-9C9F-E8CFC0DF4CFB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684ECA6D-5294-41BB-91C1-F71AD6ADE77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689031" y="6403783"/>
            <a:ext cx="5905696" cy="1476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63" r:id="rId2"/>
    <p:sldLayoutId id="2147483764" r:id="rId3"/>
    <p:sldLayoutId id="2147483730" r:id="rId4"/>
    <p:sldLayoutId id="2147483737" r:id="rId5"/>
    <p:sldLayoutId id="2147483782" r:id="rId6"/>
    <p:sldLayoutId id="2147483732" r:id="rId7"/>
    <p:sldLayoutId id="2147483786" r:id="rId8"/>
    <p:sldLayoutId id="2147483777" r:id="rId9"/>
    <p:sldLayoutId id="2147483778" r:id="rId10"/>
    <p:sldLayoutId id="2147483783" r:id="rId11"/>
    <p:sldLayoutId id="2147483735" r:id="rId12"/>
    <p:sldLayoutId id="2147483757" r:id="rId13"/>
    <p:sldLayoutId id="2147483766" r:id="rId14"/>
    <p:sldLayoutId id="2147483731" r:id="rId15"/>
    <p:sldLayoutId id="2147483770" r:id="rId16"/>
    <p:sldLayoutId id="2147483779" r:id="rId17"/>
    <p:sldLayoutId id="2147483771" r:id="rId18"/>
    <p:sldLayoutId id="2147483784" r:id="rId19"/>
    <p:sldLayoutId id="2147483773" r:id="rId20"/>
    <p:sldLayoutId id="2147483774" r:id="rId21"/>
    <p:sldLayoutId id="2147483775" r:id="rId22"/>
    <p:sldLayoutId id="2147483776" r:id="rId23"/>
    <p:sldLayoutId id="2147483743" r:id="rId24"/>
    <p:sldLayoutId id="2147483744" r:id="rId25"/>
    <p:sldLayoutId id="2147483785" r:id="rId26"/>
    <p:sldLayoutId id="2147483753" r:id="rId27"/>
  </p:sldLayoutIdLst>
  <p:hf hdr="0" ftr="0"/>
  <p:txStyles>
    <p:titleStyle>
      <a:lvl1pPr algn="l" defTabSz="914400" rtl="0" eaLnBrk="1" latinLnBrk="0" hangingPunct="1">
        <a:lnSpc>
          <a:spcPct val="88000"/>
        </a:lnSpc>
        <a:spcBef>
          <a:spcPct val="0"/>
        </a:spcBef>
        <a:buNone/>
        <a:defRPr sz="3200" b="1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360000" indent="-360000" algn="l" defTabSz="914400" rtl="0" eaLnBrk="1" latinLnBrk="0" hangingPunct="1">
        <a:lnSpc>
          <a:spcPct val="104000"/>
        </a:lnSpc>
        <a:spcBef>
          <a:spcPts val="0"/>
        </a:spcBef>
        <a:spcAft>
          <a:spcPts val="1417"/>
        </a:spcAft>
        <a:buClr>
          <a:schemeClr val="accent2"/>
        </a:buClr>
        <a:buFont typeface="Verdana" panose="020B0604030504040204" pitchFamily="34" charset="0"/>
        <a:buChar char="●"/>
        <a:defRPr sz="20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accent2"/>
        </a:buClr>
        <a:buFont typeface="Verdana" panose="020B0604030504040204" pitchFamily="34" charset="0"/>
        <a:buChar char="●"/>
        <a:defRPr sz="18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108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accent2"/>
        </a:buClr>
        <a:buFont typeface="Verdana" panose="020B0604030504040204" pitchFamily="34" charset="0"/>
        <a:buChar char="●"/>
        <a:defRPr sz="16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144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accent2"/>
        </a:buClr>
        <a:buFont typeface="Verdana" panose="020B0604030504040204" pitchFamily="34" charset="0"/>
        <a:buChar char="●"/>
        <a:defRPr sz="1400" b="0" kern="1200">
          <a:solidFill>
            <a:schemeClr val="accent1"/>
          </a:solidFill>
          <a:latin typeface="+mn-lt"/>
          <a:ea typeface="+mn-ea"/>
          <a:cs typeface="+mn-cs"/>
        </a:defRPr>
      </a:lvl4pPr>
      <a:lvl5pPr marL="180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accent2"/>
        </a:buClr>
        <a:buFont typeface="Verdana" panose="020B0604030504040204" pitchFamily="34" charset="0"/>
        <a:buChar char="●"/>
        <a:tabLst/>
        <a:defRPr sz="1200" kern="1200">
          <a:solidFill>
            <a:schemeClr val="accent1"/>
          </a:solidFill>
          <a:latin typeface="+mn-lt"/>
          <a:ea typeface="+mn-ea"/>
          <a:cs typeface="+mn-cs"/>
        </a:defRPr>
      </a:lvl5pPr>
      <a:lvl6pPr marL="360000" indent="-360000" algn="l" defTabSz="914400" rtl="0" eaLnBrk="1" latinLnBrk="0" hangingPunct="1">
        <a:lnSpc>
          <a:spcPct val="97000"/>
        </a:lnSpc>
        <a:spcBef>
          <a:spcPts val="0"/>
        </a:spcBef>
        <a:spcAft>
          <a:spcPts val="1417"/>
        </a:spcAft>
        <a:buClr>
          <a:schemeClr val="tx2"/>
        </a:buClr>
        <a:buSzPct val="90000"/>
        <a:buFontTx/>
        <a:buBlip>
          <a:blip r:embed="rId30"/>
        </a:buBlip>
        <a:defRPr sz="2000" b="0" kern="1200">
          <a:solidFill>
            <a:schemeClr val="accent1"/>
          </a:solidFill>
          <a:latin typeface="+mn-lt"/>
          <a:ea typeface="+mn-ea"/>
          <a:cs typeface="+mn-cs"/>
        </a:defRPr>
      </a:lvl6pPr>
      <a:lvl7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tx2"/>
        </a:buClr>
        <a:buSzPct val="90000"/>
        <a:buFontTx/>
        <a:buBlip>
          <a:blip r:embed="rId30"/>
        </a:buBlip>
        <a:defRPr sz="1800" b="0" kern="1200" baseline="0">
          <a:solidFill>
            <a:schemeClr val="accent1"/>
          </a:solidFill>
          <a:latin typeface="+mn-lt"/>
          <a:ea typeface="+mn-ea"/>
          <a:cs typeface="+mn-cs"/>
        </a:defRPr>
      </a:lvl7pPr>
      <a:lvl8pPr marL="1080000" indent="-360000" algn="l" defTabSz="914400" rtl="0" eaLnBrk="1" latinLnBrk="0" hangingPunct="1">
        <a:lnSpc>
          <a:spcPct val="101000"/>
        </a:lnSpc>
        <a:spcBef>
          <a:spcPts val="0"/>
        </a:spcBef>
        <a:spcAft>
          <a:spcPts val="1417"/>
        </a:spcAft>
        <a:buClr>
          <a:schemeClr val="tx2"/>
        </a:buClr>
        <a:buSzPct val="90000"/>
        <a:buFontTx/>
        <a:buBlip>
          <a:blip r:embed="rId30"/>
        </a:buBlip>
        <a:defRPr sz="1600" b="0" kern="1200">
          <a:solidFill>
            <a:schemeClr val="accent1"/>
          </a:solidFill>
          <a:latin typeface="+mn-lt"/>
          <a:ea typeface="+mn-ea"/>
          <a:cs typeface="+mn-cs"/>
        </a:defRPr>
      </a:lvl8pPr>
      <a:lvl9pPr marL="1440000" indent="-360000" algn="l" defTabSz="914400" rtl="0" eaLnBrk="1" latinLnBrk="0" hangingPunct="1">
        <a:lnSpc>
          <a:spcPct val="104000"/>
        </a:lnSpc>
        <a:spcBef>
          <a:spcPts val="0"/>
        </a:spcBef>
        <a:spcAft>
          <a:spcPts val="1417"/>
        </a:spcAft>
        <a:buClr>
          <a:schemeClr val="tx2"/>
        </a:buClr>
        <a:buSzPct val="90000"/>
        <a:buFontTx/>
        <a:buBlip>
          <a:blip r:embed="rId30"/>
        </a:buBlip>
        <a:defRPr sz="1400" b="0" kern="1200" baseline="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60" userDrawn="1">
          <p15:clr>
            <a:srgbClr val="F26B43"/>
          </p15:clr>
        </p15:guide>
        <p15:guide id="2" pos="7319" userDrawn="1">
          <p15:clr>
            <a:srgbClr val="F26B43"/>
          </p15:clr>
        </p15:guide>
        <p15:guide id="3" orient="horz" pos="340" userDrawn="1">
          <p15:clr>
            <a:srgbClr val="F26B43"/>
          </p15:clr>
        </p15:guide>
        <p15:guide id="5" orient="horz" pos="1045" userDrawn="1">
          <p15:clr>
            <a:srgbClr val="F26B43"/>
          </p15:clr>
        </p15:guide>
        <p15:guide id="6" orient="horz" pos="359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7.xml"/><Relationship Id="rId4" Type="http://schemas.openxmlformats.org/officeDocument/2006/relationships/image" Target="../media/image26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jpeg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jpeg"/><Relationship Id="rId2" Type="http://schemas.openxmlformats.org/officeDocument/2006/relationships/image" Target="../media/image43.jpe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5.jpeg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6.jpeg"/><Relationship Id="rId1" Type="http://schemas.openxmlformats.org/officeDocument/2006/relationships/slideLayout" Target="../slideLayouts/slideLayout19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jpeg"/><Relationship Id="rId3" Type="http://schemas.openxmlformats.org/officeDocument/2006/relationships/slideLayout" Target="../slideLayouts/slideLayout8.xml"/><Relationship Id="rId7" Type="http://schemas.openxmlformats.org/officeDocument/2006/relationships/image" Target="../media/image2.emf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7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29.jpeg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jpeg"/><Relationship Id="rId2" Type="http://schemas.openxmlformats.org/officeDocument/2006/relationships/image" Target="../media/image30.jpe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34.jpeg"/><Relationship Id="rId5" Type="http://schemas.openxmlformats.org/officeDocument/2006/relationships/image" Target="../media/image33.jpeg"/><Relationship Id="rId4" Type="http://schemas.openxmlformats.org/officeDocument/2006/relationships/image" Target="../media/image32.jpe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jpe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jpg"/><Relationship Id="rId2" Type="http://schemas.openxmlformats.org/officeDocument/2006/relationships/image" Target="../media/image36.jpg"/><Relationship Id="rId1" Type="http://schemas.openxmlformats.org/officeDocument/2006/relationships/slideLayout" Target="../slideLayouts/slideLayout8.xml"/><Relationship Id="rId6" Type="http://schemas.openxmlformats.org/officeDocument/2006/relationships/image" Target="cid:17d289e5e1ec31fcfee5" TargetMode="External"/><Relationship Id="rId5" Type="http://schemas.openxmlformats.org/officeDocument/2006/relationships/image" Target="../media/image39.jpeg"/><Relationship Id="rId4" Type="http://schemas.openxmlformats.org/officeDocument/2006/relationships/image" Target="../media/image38.jpe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jpg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jpe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F9B50EE-ABF7-4844-A9CC-7CE462E2A46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5419466-D2D9-4298-9396-C30614B0872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8" name="Titel 7">
            <a:extLst>
              <a:ext uri="{FF2B5EF4-FFF2-40B4-BE49-F238E27FC236}">
                <a16:creationId xmlns:a16="http://schemas.microsoft.com/office/drawing/2014/main" id="{37B947AB-893C-4BB7-9207-FE10B5D6862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86438" y="2860836"/>
            <a:ext cx="9978982" cy="1136327"/>
          </a:xfrm>
        </p:spPr>
        <p:txBody>
          <a:bodyPr/>
          <a:lstStyle/>
          <a:p>
            <a:r>
              <a:rPr lang="en-GB" dirty="0"/>
              <a:t>University College Northern Denmark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687D75A7-60F6-4BAA-8674-2A4614A483A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010907" y="4318043"/>
            <a:ext cx="8402400" cy="875354"/>
          </a:xfrm>
        </p:spPr>
        <p:txBody>
          <a:bodyPr/>
          <a:lstStyle/>
          <a:p>
            <a:r>
              <a:rPr lang="en-GB" dirty="0"/>
              <a:t>Collaboration with the global south</a:t>
            </a:r>
          </a:p>
          <a:p>
            <a:endParaRPr lang="en-GB" dirty="0"/>
          </a:p>
        </p:txBody>
      </p:sp>
      <p:pic>
        <p:nvPicPr>
          <p:cNvPr id="9" name="Content Placeholder 6">
            <a:extLst>
              <a:ext uri="{FF2B5EF4-FFF2-40B4-BE49-F238E27FC236}">
                <a16:creationId xmlns:a16="http://schemas.microsoft.com/office/drawing/2014/main" id="{FF1A35F7-1CD6-406A-A338-A485267C4C3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12994" y="228030"/>
            <a:ext cx="4320323" cy="288021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3040235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5C5430-D723-4870-BE70-E7B35DD052D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97150" y="399055"/>
            <a:ext cx="11048400" cy="910800"/>
          </a:xfrm>
        </p:spPr>
        <p:txBody>
          <a:bodyPr/>
          <a:lstStyle/>
          <a:p>
            <a:r>
              <a:rPr lang="en-US" dirty="0"/>
              <a:t>At the final open reflection seminar 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8F13A0-42C8-449C-9FD9-79DAD39C3D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25725DD-9739-4A7A-9E0D-437B01C386F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6" name="Picture 4">
            <a:extLst>
              <a:ext uri="{FF2B5EF4-FFF2-40B4-BE49-F238E27FC236}">
                <a16:creationId xmlns:a16="http://schemas.microsoft.com/office/drawing/2014/main" id="{74413ACF-0D6D-4671-88E7-870EBBBAC628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297150" y="1309855"/>
            <a:ext cx="7159083" cy="47727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11326834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84EE10-652D-466D-AC2A-37B2D2E866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2874" y="508321"/>
            <a:ext cx="11048400" cy="910800"/>
          </a:xfrm>
        </p:spPr>
        <p:txBody>
          <a:bodyPr/>
          <a:lstStyle/>
          <a:p>
            <a:r>
              <a:rPr lang="en-US" dirty="0"/>
              <a:t>A gift to the school-principal from Samuel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AC4C32E-8ABB-4266-8137-35BE3680A1A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9F45B0-B1B1-4CB9-A576-26AAAD72C3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308190D-15EC-474D-B3C8-5DE25415A1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6" name="Picture 3">
            <a:extLst>
              <a:ext uri="{FF2B5EF4-FFF2-40B4-BE49-F238E27FC236}">
                <a16:creationId xmlns:a16="http://schemas.microsoft.com/office/drawing/2014/main" id="{276E0FC1-9283-4F11-B92C-C3DC54486B9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64527" y="1659599"/>
            <a:ext cx="3592079" cy="478943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9" name="Picture 2">
            <a:extLst>
              <a:ext uri="{FF2B5EF4-FFF2-40B4-BE49-F238E27FC236}">
                <a16:creationId xmlns:a16="http://schemas.microsoft.com/office/drawing/2014/main" id="{1D19DBF1-2C8F-4C3C-A20D-285D4F0E808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37035" y="1475012"/>
            <a:ext cx="6044385" cy="49740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6059162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481E30-3E65-4A7F-9B22-686088C59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84633" y="261219"/>
            <a:ext cx="11048400" cy="910800"/>
          </a:xfrm>
        </p:spPr>
        <p:txBody>
          <a:bodyPr/>
          <a:lstStyle/>
          <a:p>
            <a:r>
              <a:rPr lang="en-US" dirty="0"/>
              <a:t>Julie from UCN – practicum in Ghana – gift-giving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D127D6-BE93-4C38-8BF0-5600D9123E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84236E9-8E22-48A6-92EA-3C2342B4536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2050" name="Billede 4">
            <a:extLst>
              <a:ext uri="{FF2B5EF4-FFF2-40B4-BE49-F238E27FC236}">
                <a16:creationId xmlns:a16="http://schemas.microsoft.com/office/drawing/2014/main" id="{F334A168-C5E1-43C4-8908-DF665C9556E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480846" y="954943"/>
            <a:ext cx="4235799" cy="56418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7039335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B568A7E-2D19-48E0-966F-EAF798FA01F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E831BF3-D515-48C7-9F17-32CF2370F5E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9736" y="343756"/>
            <a:ext cx="11048400" cy="910800"/>
          </a:xfrm>
        </p:spPr>
        <p:txBody>
          <a:bodyPr/>
          <a:lstStyle/>
          <a:p>
            <a:r>
              <a:rPr lang="en-US" dirty="0"/>
              <a:t>GLOSS contributions</a:t>
            </a:r>
            <a:endParaRPr lang="da-DK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BC15C07-2D4E-416B-AB1D-F14A3DB073D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44033" y="1254556"/>
            <a:ext cx="10259806" cy="2439732"/>
          </a:xfrm>
        </p:spPr>
        <p:txBody>
          <a:bodyPr/>
          <a:lstStyle/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da-DK" sz="2800" dirty="0"/>
              <a:t>Support in terms of </a:t>
            </a:r>
            <a:r>
              <a:rPr lang="da-DK" sz="2800" dirty="0" err="1"/>
              <a:t>Reflective</a:t>
            </a:r>
            <a:r>
              <a:rPr lang="da-DK" sz="2800" dirty="0"/>
              <a:t> </a:t>
            </a:r>
            <a:r>
              <a:rPr lang="da-DK" sz="2800" dirty="0" err="1"/>
              <a:t>Practise</a:t>
            </a:r>
            <a:r>
              <a:rPr lang="da-DK" sz="2800" dirty="0"/>
              <a:t> </a:t>
            </a:r>
            <a:r>
              <a:rPr lang="da-DK" sz="2800" dirty="0" err="1"/>
              <a:t>Based</a:t>
            </a:r>
            <a:r>
              <a:rPr lang="da-DK" sz="2800" dirty="0"/>
              <a:t> Learning and COIL/virtual </a:t>
            </a:r>
            <a:r>
              <a:rPr lang="da-DK" sz="2800" dirty="0" err="1"/>
              <a:t>mobility</a:t>
            </a:r>
            <a:endParaRPr lang="da-DK" sz="2800" dirty="0"/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da-DK" sz="2800" dirty="0"/>
              <a:t>Co-research with AAU and GLOSS </a:t>
            </a:r>
            <a:r>
              <a:rPr lang="da-DK" sz="2800" dirty="0" err="1"/>
              <a:t>network</a:t>
            </a:r>
            <a:r>
              <a:rPr lang="da-DK" sz="2800" dirty="0"/>
              <a:t> &amp; </a:t>
            </a:r>
            <a:r>
              <a:rPr lang="da-DK" sz="2800" dirty="0" err="1"/>
              <a:t>south</a:t>
            </a:r>
            <a:r>
              <a:rPr lang="da-DK" sz="2800" dirty="0"/>
              <a:t> partners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da-DK" sz="2800" dirty="0" err="1"/>
              <a:t>Extend</a:t>
            </a:r>
            <a:r>
              <a:rPr lang="da-DK" sz="2800" dirty="0"/>
              <a:t> the UCN </a:t>
            </a:r>
            <a:r>
              <a:rPr lang="da-DK" sz="2800" dirty="0" err="1"/>
              <a:t>network</a:t>
            </a:r>
            <a:r>
              <a:rPr lang="da-DK" sz="2800" dirty="0"/>
              <a:t> of global </a:t>
            </a:r>
            <a:r>
              <a:rPr lang="da-DK" sz="2800" dirty="0" err="1"/>
              <a:t>south</a:t>
            </a:r>
            <a:r>
              <a:rPr lang="da-DK" sz="2800" dirty="0"/>
              <a:t> partners to GLOSS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da-DK" sz="2800" dirty="0"/>
              <a:t>Co-</a:t>
            </a:r>
            <a:r>
              <a:rPr lang="da-DK" sz="2800" dirty="0" err="1"/>
              <a:t>facilitate</a:t>
            </a:r>
            <a:r>
              <a:rPr lang="da-DK" sz="2800" dirty="0"/>
              <a:t> </a:t>
            </a:r>
            <a:r>
              <a:rPr lang="da-DK" sz="2800" dirty="0" err="1"/>
              <a:t>external</a:t>
            </a:r>
            <a:r>
              <a:rPr lang="da-DK" sz="2800" dirty="0"/>
              <a:t> </a:t>
            </a:r>
            <a:r>
              <a:rPr lang="da-DK" sz="2800" dirty="0" err="1"/>
              <a:t>funding</a:t>
            </a:r>
            <a:r>
              <a:rPr lang="da-DK" sz="2800" dirty="0"/>
              <a:t> </a:t>
            </a:r>
            <a:r>
              <a:rPr lang="da-DK" sz="2800" dirty="0" err="1"/>
              <a:t>applications</a:t>
            </a:r>
            <a:r>
              <a:rPr lang="da-DK" sz="2800" dirty="0"/>
              <a:t> – Equity in </a:t>
            </a:r>
            <a:r>
              <a:rPr lang="da-DK" sz="2800" dirty="0" err="1"/>
              <a:t>mobility</a:t>
            </a:r>
            <a:r>
              <a:rPr lang="da-DK" sz="2800" dirty="0"/>
              <a:t> and </a:t>
            </a:r>
            <a:r>
              <a:rPr lang="da-DK" sz="2800" dirty="0" err="1"/>
              <a:t>education</a:t>
            </a:r>
            <a:endParaRPr lang="da-DK" sz="2800" dirty="0"/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da-DK" sz="2800" dirty="0" err="1"/>
              <a:t>Interested</a:t>
            </a:r>
            <a:r>
              <a:rPr lang="da-DK" sz="2800" dirty="0"/>
              <a:t> </a:t>
            </a:r>
            <a:r>
              <a:rPr lang="da-DK" sz="2800" dirty="0" err="1"/>
              <a:t>perspectives</a:t>
            </a:r>
            <a:r>
              <a:rPr lang="da-DK" sz="2800" dirty="0"/>
              <a:t> </a:t>
            </a:r>
            <a:r>
              <a:rPr lang="da-DK" sz="2800" dirty="0" err="1"/>
              <a:t>that</a:t>
            </a:r>
            <a:r>
              <a:rPr lang="da-DK" sz="2800" dirty="0"/>
              <a:t> </a:t>
            </a:r>
            <a:r>
              <a:rPr lang="da-DK" sz="2800" dirty="0" err="1"/>
              <a:t>include</a:t>
            </a:r>
            <a:r>
              <a:rPr lang="da-DK" sz="2800" dirty="0"/>
              <a:t> the global </a:t>
            </a:r>
            <a:r>
              <a:rPr lang="da-DK" sz="2800" dirty="0" err="1"/>
              <a:t>south</a:t>
            </a:r>
            <a:r>
              <a:rPr lang="da-DK" sz="2800" dirty="0"/>
              <a:t> </a:t>
            </a:r>
            <a:r>
              <a:rPr lang="da-DK" sz="2800" dirty="0" err="1"/>
              <a:t>voices</a:t>
            </a:r>
            <a:r>
              <a:rPr lang="da-DK" sz="2800" dirty="0"/>
              <a:t> to a </a:t>
            </a:r>
            <a:r>
              <a:rPr lang="da-DK" sz="2800" dirty="0" err="1"/>
              <a:t>higher</a:t>
            </a:r>
            <a:r>
              <a:rPr lang="da-DK" sz="2800" dirty="0"/>
              <a:t> </a:t>
            </a:r>
            <a:r>
              <a:rPr lang="da-DK" sz="2800" dirty="0" err="1"/>
              <a:t>extend</a:t>
            </a:r>
            <a:r>
              <a:rPr lang="da-DK" sz="2800" dirty="0"/>
              <a:t> 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da-DK" sz="2800" dirty="0"/>
              <a:t>Perhaps look at </a:t>
            </a:r>
            <a:r>
              <a:rPr lang="da-DK" sz="2800" dirty="0" err="1"/>
              <a:t>staff</a:t>
            </a:r>
            <a:r>
              <a:rPr lang="da-DK" sz="2800" dirty="0"/>
              <a:t> </a:t>
            </a:r>
            <a:r>
              <a:rPr lang="da-DK" sz="2800" dirty="0" err="1"/>
              <a:t>mobility</a:t>
            </a:r>
            <a:r>
              <a:rPr lang="da-DK" sz="2800" dirty="0"/>
              <a:t> in addition to student </a:t>
            </a:r>
            <a:r>
              <a:rPr lang="da-DK" sz="2800" dirty="0" err="1"/>
              <a:t>mobility</a:t>
            </a:r>
            <a:endParaRPr lang="da-DK" sz="2800" dirty="0"/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da-DK" sz="2800" dirty="0" err="1"/>
              <a:t>Include</a:t>
            </a:r>
            <a:r>
              <a:rPr lang="da-DK" sz="2800" dirty="0"/>
              <a:t> </a:t>
            </a:r>
            <a:r>
              <a:rPr lang="da-DK" sz="2800" dirty="0" err="1"/>
              <a:t>elementary</a:t>
            </a:r>
            <a:r>
              <a:rPr lang="da-DK" sz="2800" dirty="0"/>
              <a:t> schools in addition to </a:t>
            </a:r>
            <a:r>
              <a:rPr lang="da-DK" sz="2800" dirty="0" err="1"/>
              <a:t>teacher</a:t>
            </a:r>
            <a:r>
              <a:rPr lang="da-DK" sz="2800" dirty="0"/>
              <a:t> students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703201F-C016-4CB5-9D23-5CE393D3EF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7017345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AF0E2B4-9293-489F-8A9A-B8E13FD6A49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EFEDE13-7115-4A51-B5E5-D030A262E1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1198" y="767868"/>
            <a:ext cx="11048400" cy="910800"/>
          </a:xfrm>
        </p:spPr>
        <p:txBody>
          <a:bodyPr/>
          <a:lstStyle/>
          <a:p>
            <a:r>
              <a:rPr lang="en-US" dirty="0"/>
              <a:t>Thank you </a:t>
            </a:r>
            <a:r>
              <a:rPr lang="en-US" dirty="0">
                <a:sym typeface="Wingdings" panose="05000000000000000000" pitchFamily="2" charset="2"/>
              </a:rPr>
              <a:t></a:t>
            </a:r>
            <a:endParaRPr lang="da-DK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D1919B9-9AFD-4BA9-85F0-3C99074A8BC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7C2A409-94C9-41EA-8915-B182F04BE4F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6" name="Picture 2">
            <a:extLst>
              <a:ext uri="{FF2B5EF4-FFF2-40B4-BE49-F238E27FC236}">
                <a16:creationId xmlns:a16="http://schemas.microsoft.com/office/drawing/2014/main" id="{6655DA65-8CE7-44BD-80EE-C4DAB3B5D1A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36176" y="2137273"/>
            <a:ext cx="5606018" cy="42045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64383630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2EBEDB43-6B79-4996-B7BA-3024CEC7795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D8DC32E-E38B-4F6F-A770-58069BFDA53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2BA37D16-0C47-47E4-9A9E-A66C05BB42D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35162" y="0"/>
            <a:ext cx="5825544" cy="6857433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00D62A02-2D95-4497-90DF-22C1EC385326}"/>
              </a:ext>
            </a:extLst>
          </p:cNvPr>
          <p:cNvSpPr txBox="1">
            <a:spLocks/>
          </p:cNvSpPr>
          <p:nvPr/>
        </p:nvSpPr>
        <p:spPr>
          <a:xfrm>
            <a:off x="572399" y="540000"/>
            <a:ext cx="11048400" cy="9108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88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endParaRPr lang="en-GB" dirty="0"/>
          </a:p>
        </p:txBody>
      </p:sp>
      <p:sp>
        <p:nvSpPr>
          <p:cNvPr id="8" name="Pladsholder til indhold 2">
            <a:extLst>
              <a:ext uri="{FF2B5EF4-FFF2-40B4-BE49-F238E27FC236}">
                <a16:creationId xmlns:a16="http://schemas.microsoft.com/office/drawing/2014/main" id="{1BC5C038-55BA-4B55-9586-E45A24192D67}"/>
              </a:ext>
            </a:extLst>
          </p:cNvPr>
          <p:cNvSpPr txBox="1">
            <a:spLocks/>
          </p:cNvSpPr>
          <p:nvPr/>
        </p:nvSpPr>
        <p:spPr>
          <a:xfrm>
            <a:off x="6478903" y="1712478"/>
            <a:ext cx="2225472" cy="7497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4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tabLst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5">
                  <a:extLst>
                    <a:ext uri="{96DAC541-7B7A-43D3-8B79-37D633B846F1}">
                      <asvg:svgBlip xmlns:asvg="http://schemas.microsoft.com/office/drawing/2016/SVG/main" r:embed="rId6"/>
                    </a:ext>
                  </a:extLst>
                </a:blip>
              </a:buBlip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5">
                  <a:extLst>
                    <a:ext uri="{96DAC541-7B7A-43D3-8B79-37D633B846F1}">
                      <asvg:svgBlip xmlns:asvg="http://schemas.microsoft.com/office/drawing/2016/SVG/main" r:embed="rId6"/>
                    </a:ext>
                  </a:extLst>
                </a:blip>
              </a:buBlip>
              <a:defRPr sz="18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5">
                  <a:extLst>
                    <a:ext uri="{96DAC541-7B7A-43D3-8B79-37D633B846F1}">
                      <asvg:svgBlip xmlns:asvg="http://schemas.microsoft.com/office/drawing/2016/SVG/main" r:embed="rId6"/>
                    </a:ext>
                  </a:extLst>
                </a:blip>
              </a:buBlip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5">
                  <a:extLst>
                    <a:ext uri="{96DAC541-7B7A-43D3-8B79-37D633B846F1}">
                      <asvg:svgBlip xmlns:asvg="http://schemas.microsoft.com/office/drawing/2016/SVG/main" r:embed="rId6"/>
                    </a:ext>
                  </a:extLst>
                </a:blip>
              </a:buBlip>
              <a:defRPr sz="14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sz="1600" dirty="0">
                <a:solidFill>
                  <a:schemeClr val="accent4"/>
                </a:solidFill>
              </a:rPr>
              <a:t>University College </a:t>
            </a:r>
            <a:br>
              <a:rPr lang="da-DK" sz="1600" dirty="0">
                <a:solidFill>
                  <a:schemeClr val="accent4"/>
                </a:solidFill>
              </a:rPr>
            </a:br>
            <a:r>
              <a:rPr lang="en-GB" sz="1600" dirty="0">
                <a:solidFill>
                  <a:schemeClr val="accent4"/>
                </a:solidFill>
              </a:rPr>
              <a:t>of Northern Denmark</a:t>
            </a:r>
            <a:endParaRPr lang="en-GB"/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EA2D5841-09EA-4631-AEA7-E3537AE1DC56}"/>
              </a:ext>
            </a:extLst>
          </p:cNvPr>
          <p:cNvSpPr txBox="1">
            <a:spLocks/>
          </p:cNvSpPr>
          <p:nvPr/>
        </p:nvSpPr>
        <p:spPr>
          <a:xfrm>
            <a:off x="1015514" y="2888108"/>
            <a:ext cx="3751950" cy="3312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tabLst/>
              <a:defRPr sz="1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4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0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8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6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lnSpc>
                <a:spcPct val="100000"/>
              </a:lnSpc>
              <a:buNone/>
            </a:pPr>
            <a:r>
              <a:rPr lang="en-GB" sz="1600" dirty="0">
                <a:solidFill>
                  <a:schemeClr val="tx2"/>
                </a:solidFill>
              </a:rPr>
              <a:t>VIA University </a:t>
            </a:r>
            <a:br>
              <a:rPr lang="da-DK" sz="1600" dirty="0">
                <a:solidFill>
                  <a:schemeClr val="tx2"/>
                </a:solidFill>
              </a:rPr>
            </a:br>
            <a:r>
              <a:rPr lang="en-GB" sz="1600" dirty="0">
                <a:solidFill>
                  <a:schemeClr val="tx2"/>
                </a:solidFill>
              </a:rPr>
              <a:t>College</a:t>
            </a:r>
            <a:endParaRPr lang="en-GB"/>
          </a:p>
        </p:txBody>
      </p:sp>
      <p:sp>
        <p:nvSpPr>
          <p:cNvPr id="10" name="Pladsholder til indhold 2">
            <a:extLst>
              <a:ext uri="{FF2B5EF4-FFF2-40B4-BE49-F238E27FC236}">
                <a16:creationId xmlns:a16="http://schemas.microsoft.com/office/drawing/2014/main" id="{DF7C9B02-F576-41DD-8EC2-5296ABAE3FB2}"/>
              </a:ext>
            </a:extLst>
          </p:cNvPr>
          <p:cNvSpPr txBox="1">
            <a:spLocks/>
          </p:cNvSpPr>
          <p:nvPr/>
        </p:nvSpPr>
        <p:spPr>
          <a:xfrm>
            <a:off x="4596578" y="4128960"/>
            <a:ext cx="3751950" cy="3312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tabLst/>
              <a:defRPr sz="1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4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0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8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6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GB" sz="1600" dirty="0">
                <a:solidFill>
                  <a:schemeClr val="accent2"/>
                </a:solidFill>
              </a:rPr>
              <a:t>UCL University </a:t>
            </a:r>
            <a:br>
              <a:rPr lang="da-DK" sz="1600" dirty="0">
                <a:solidFill>
                  <a:schemeClr val="accent2"/>
                </a:solidFill>
              </a:rPr>
            </a:br>
            <a:r>
              <a:rPr lang="en-GB" sz="1600" dirty="0">
                <a:solidFill>
                  <a:schemeClr val="accent2"/>
                </a:solidFill>
              </a:rPr>
              <a:t>College</a:t>
            </a:r>
            <a:endParaRPr lang="en-GB"/>
          </a:p>
        </p:txBody>
      </p:sp>
      <p:sp>
        <p:nvSpPr>
          <p:cNvPr id="11" name="Pladsholder til indhold 2">
            <a:extLst>
              <a:ext uri="{FF2B5EF4-FFF2-40B4-BE49-F238E27FC236}">
                <a16:creationId xmlns:a16="http://schemas.microsoft.com/office/drawing/2014/main" id="{3CFDC2A1-6DA0-4B54-97E3-D5BA5F1A295B}"/>
              </a:ext>
            </a:extLst>
          </p:cNvPr>
          <p:cNvSpPr txBox="1">
            <a:spLocks/>
          </p:cNvSpPr>
          <p:nvPr/>
        </p:nvSpPr>
        <p:spPr>
          <a:xfrm>
            <a:off x="1989523" y="4338508"/>
            <a:ext cx="1695558" cy="3312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tabLst/>
              <a:defRPr sz="1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4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0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8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6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sz="1600" dirty="0">
                <a:solidFill>
                  <a:schemeClr val="accent6"/>
                </a:solidFill>
              </a:rPr>
              <a:t>University College South Denmark</a:t>
            </a:r>
            <a:endParaRPr lang="en-GB"/>
          </a:p>
        </p:txBody>
      </p:sp>
      <p:sp>
        <p:nvSpPr>
          <p:cNvPr id="12" name="Pladsholder til indhold 2">
            <a:extLst>
              <a:ext uri="{FF2B5EF4-FFF2-40B4-BE49-F238E27FC236}">
                <a16:creationId xmlns:a16="http://schemas.microsoft.com/office/drawing/2014/main" id="{142C9567-EF38-4B36-8C4D-B92E62B98EA2}"/>
              </a:ext>
            </a:extLst>
          </p:cNvPr>
          <p:cNvSpPr txBox="1">
            <a:spLocks/>
          </p:cNvSpPr>
          <p:nvPr/>
        </p:nvSpPr>
        <p:spPr>
          <a:xfrm>
            <a:off x="572398" y="5176991"/>
            <a:ext cx="1987921" cy="62219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tabLst/>
              <a:defRPr sz="1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4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0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8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6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sz="1600" dirty="0">
                <a:solidFill>
                  <a:schemeClr val="accent3"/>
                </a:solidFill>
              </a:rPr>
              <a:t>Danish School of </a:t>
            </a:r>
            <a:br>
              <a:rPr lang="en-US" sz="1600" dirty="0">
                <a:solidFill>
                  <a:schemeClr val="accent3"/>
                </a:solidFill>
              </a:rPr>
            </a:br>
            <a:r>
              <a:rPr lang="en-GB" sz="1600" dirty="0">
                <a:solidFill>
                  <a:schemeClr val="accent3"/>
                </a:solidFill>
              </a:rPr>
              <a:t>Media and Journalism</a:t>
            </a:r>
            <a:endParaRPr lang="en-GB"/>
          </a:p>
        </p:txBody>
      </p:sp>
      <p:sp>
        <p:nvSpPr>
          <p:cNvPr id="13" name="Pladsholder til indhold 2">
            <a:extLst>
              <a:ext uri="{FF2B5EF4-FFF2-40B4-BE49-F238E27FC236}">
                <a16:creationId xmlns:a16="http://schemas.microsoft.com/office/drawing/2014/main" id="{1D410A60-1D3B-4674-9D95-F878CE3BA284}"/>
              </a:ext>
            </a:extLst>
          </p:cNvPr>
          <p:cNvSpPr txBox="1">
            <a:spLocks/>
          </p:cNvSpPr>
          <p:nvPr/>
        </p:nvSpPr>
        <p:spPr>
          <a:xfrm>
            <a:off x="8401637" y="3753512"/>
            <a:ext cx="3614455" cy="3312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tabLst/>
              <a:defRPr sz="1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4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0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8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6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GB" sz="1600" dirty="0">
                <a:solidFill>
                  <a:schemeClr val="tx1"/>
                </a:solidFill>
              </a:rPr>
              <a:t>University College </a:t>
            </a:r>
            <a:br>
              <a:rPr lang="da-DK" sz="1600" dirty="0">
                <a:solidFill>
                  <a:schemeClr val="tx1"/>
                </a:solidFill>
              </a:rPr>
            </a:br>
            <a:r>
              <a:rPr lang="en-GB" sz="1600" dirty="0">
                <a:solidFill>
                  <a:schemeClr val="tx1"/>
                </a:solidFill>
              </a:rPr>
              <a:t>Copenhagen</a:t>
            </a:r>
            <a:endParaRPr lang="en-GB"/>
          </a:p>
        </p:txBody>
      </p:sp>
      <p:sp>
        <p:nvSpPr>
          <p:cNvPr id="14" name="Pladsholder til indhold 2">
            <a:extLst>
              <a:ext uri="{FF2B5EF4-FFF2-40B4-BE49-F238E27FC236}">
                <a16:creationId xmlns:a16="http://schemas.microsoft.com/office/drawing/2014/main" id="{B1EDE0AA-E2DD-4BCD-B5C2-D420DC0C38CB}"/>
              </a:ext>
            </a:extLst>
          </p:cNvPr>
          <p:cNvSpPr txBox="1">
            <a:spLocks/>
          </p:cNvSpPr>
          <p:nvPr/>
        </p:nvSpPr>
        <p:spPr>
          <a:xfrm>
            <a:off x="8693530" y="5508192"/>
            <a:ext cx="2263492" cy="43830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accent4"/>
              </a:buClr>
              <a:buFont typeface="Verdana" panose="020B0604030504040204" pitchFamily="34" charset="0"/>
              <a:buChar char="●"/>
              <a:tabLst/>
              <a:defRPr sz="1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4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20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800" b="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7"/>
              </a:buBlip>
              <a:defRPr sz="1600" b="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GB" sz="1600" dirty="0">
                <a:solidFill>
                  <a:schemeClr val="accent5"/>
                </a:solidFill>
              </a:rPr>
              <a:t>University College Absalon</a:t>
            </a:r>
            <a:endParaRPr lang="en-GB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DB439B50-C01D-4768-971E-FB92E6C7CE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University colleges </a:t>
            </a:r>
            <a:br>
              <a:rPr lang="da-DK" dirty="0"/>
            </a:br>
            <a:r>
              <a:rPr lang="en-GB" sz="2400" b="0" dirty="0"/>
              <a:t>in Denmark </a:t>
            </a:r>
            <a:br>
              <a:rPr lang="da-DK" dirty="0"/>
            </a:br>
            <a:br>
              <a:rPr lang="da-DK" dirty="0"/>
            </a:br>
            <a:endParaRPr lang="en-GB" dirty="0"/>
          </a:p>
        </p:txBody>
      </p:sp>
      <p:pic>
        <p:nvPicPr>
          <p:cNvPr id="15" name="Picture 8">
            <a:extLst>
              <a:ext uri="{FF2B5EF4-FFF2-40B4-BE49-F238E27FC236}">
                <a16:creationId xmlns:a16="http://schemas.microsoft.com/office/drawing/2014/main" id="{9DA65977-A3BE-4553-A842-0F23CE99EB7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20359017">
            <a:off x="8466536" y="378785"/>
            <a:ext cx="1988342" cy="265112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1699713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build="p"/>
      <p:bldP spid="9" grpId="0"/>
      <p:bldP spid="10" grpId="0"/>
      <p:bldP spid="11" grpId="0"/>
      <p:bldP spid="12" grpId="0"/>
      <p:bldP spid="13" grpId="0"/>
      <p:bldP spid="14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018AD713-CD2A-4C1F-AD50-EBDE3826F30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77ACD69-B5F7-46F9-907A-A03F6F54CFB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Rektangel 8">
            <a:extLst>
              <a:ext uri="{FF2B5EF4-FFF2-40B4-BE49-F238E27FC236}">
                <a16:creationId xmlns:a16="http://schemas.microsoft.com/office/drawing/2014/main" id="{7BD75F0A-A5D0-442C-8E00-B0DAA43DC3C3}"/>
              </a:ext>
            </a:extLst>
          </p:cNvPr>
          <p:cNvSpPr/>
          <p:nvPr/>
        </p:nvSpPr>
        <p:spPr>
          <a:xfrm rot="13499820">
            <a:off x="-1526286" y="2536265"/>
            <a:ext cx="3042498" cy="3042498"/>
          </a:xfrm>
          <a:custGeom>
            <a:avLst/>
            <a:gdLst>
              <a:gd name="connsiteX0" fmla="*/ 0 w 839893"/>
              <a:gd name="connsiteY0" fmla="*/ 0 h 839893"/>
              <a:gd name="connsiteX1" fmla="*/ 839893 w 839893"/>
              <a:gd name="connsiteY1" fmla="*/ 0 h 839893"/>
              <a:gd name="connsiteX2" fmla="*/ 839893 w 839893"/>
              <a:gd name="connsiteY2" fmla="*/ 839893 h 839893"/>
              <a:gd name="connsiteX3" fmla="*/ 0 w 839893"/>
              <a:gd name="connsiteY3" fmla="*/ 839893 h 839893"/>
              <a:gd name="connsiteX4" fmla="*/ 0 w 839893"/>
              <a:gd name="connsiteY4" fmla="*/ 0 h 839893"/>
              <a:gd name="connsiteX0" fmla="*/ 0 w 839893"/>
              <a:gd name="connsiteY0" fmla="*/ 0 h 839893"/>
              <a:gd name="connsiteX1" fmla="*/ 426720 w 839893"/>
              <a:gd name="connsiteY1" fmla="*/ 406400 h 839893"/>
              <a:gd name="connsiteX2" fmla="*/ 839893 w 839893"/>
              <a:gd name="connsiteY2" fmla="*/ 839893 h 839893"/>
              <a:gd name="connsiteX3" fmla="*/ 0 w 839893"/>
              <a:gd name="connsiteY3" fmla="*/ 839893 h 839893"/>
              <a:gd name="connsiteX4" fmla="*/ 0 w 839893"/>
              <a:gd name="connsiteY4" fmla="*/ 0 h 839893"/>
              <a:gd name="connsiteX0" fmla="*/ 0 w 839893"/>
              <a:gd name="connsiteY0" fmla="*/ 0 h 839893"/>
              <a:gd name="connsiteX1" fmla="*/ 417121 w 839893"/>
              <a:gd name="connsiteY1" fmla="*/ 415959 h 839893"/>
              <a:gd name="connsiteX2" fmla="*/ 839893 w 839893"/>
              <a:gd name="connsiteY2" fmla="*/ 839893 h 839893"/>
              <a:gd name="connsiteX3" fmla="*/ 0 w 839893"/>
              <a:gd name="connsiteY3" fmla="*/ 839893 h 839893"/>
              <a:gd name="connsiteX4" fmla="*/ 0 w 839893"/>
              <a:gd name="connsiteY4" fmla="*/ 0 h 8398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39893" h="839893">
                <a:moveTo>
                  <a:pt x="0" y="0"/>
                </a:moveTo>
                <a:lnTo>
                  <a:pt x="417121" y="415959"/>
                </a:lnTo>
                <a:lnTo>
                  <a:pt x="839893" y="839893"/>
                </a:lnTo>
                <a:lnTo>
                  <a:pt x="0" y="839893"/>
                </a:lnTo>
                <a:lnTo>
                  <a:pt x="0" y="0"/>
                </a:lnTo>
                <a:close/>
              </a:path>
            </a:pathLst>
          </a:custGeom>
          <a:gradFill flip="none" rotWithShape="0">
            <a:gsLst>
              <a:gs pos="0">
                <a:schemeClr val="accent1"/>
              </a:gs>
              <a:gs pos="100000">
                <a:srgbClr val="0096A0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Titel 15">
            <a:extLst>
              <a:ext uri="{FF2B5EF4-FFF2-40B4-BE49-F238E27FC236}">
                <a16:creationId xmlns:a16="http://schemas.microsoft.com/office/drawing/2014/main" id="{EAB5CE83-1142-4D20-B07B-EA405D6428DF}"/>
              </a:ext>
            </a:extLst>
          </p:cNvPr>
          <p:cNvSpPr txBox="1">
            <a:spLocks/>
          </p:cNvSpPr>
          <p:nvPr/>
        </p:nvSpPr>
        <p:spPr>
          <a:xfrm>
            <a:off x="572399" y="540000"/>
            <a:ext cx="11048400" cy="9108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88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GB" dirty="0"/>
              <a:t>University College </a:t>
            </a:r>
            <a:br>
              <a:rPr lang="en-US" dirty="0"/>
            </a:br>
            <a:r>
              <a:rPr lang="en-GB" dirty="0"/>
              <a:t>of Northern Denmark (UCN) is:</a:t>
            </a:r>
            <a:br>
              <a:rPr lang="en-US" dirty="0"/>
            </a:br>
            <a:endParaRPr lang="en-GB" dirty="0"/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50932817-B2DF-4AEF-9B08-090304369B53}"/>
              </a:ext>
            </a:extLst>
          </p:cNvPr>
          <p:cNvSpPr txBox="1">
            <a:spLocks/>
          </p:cNvSpPr>
          <p:nvPr/>
        </p:nvSpPr>
        <p:spPr>
          <a:xfrm>
            <a:off x="5160215" y="1971458"/>
            <a:ext cx="2612234" cy="9522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2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8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4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tabLst/>
              <a:defRPr sz="12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20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800" b="0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6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400" b="0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GB" b="1" dirty="0">
                <a:solidFill>
                  <a:schemeClr val="tx1"/>
                </a:solidFill>
              </a:rPr>
              <a:t>Research and </a:t>
            </a:r>
            <a:r>
              <a:rPr lang="en-GB" b="1" dirty="0" err="1">
                <a:solidFill>
                  <a:schemeClr val="tx1"/>
                </a:solidFill>
              </a:rPr>
              <a:t>development</a:t>
            </a:r>
            <a:endParaRPr lang="en-GB" b="1" dirty="0">
              <a:solidFill>
                <a:schemeClr val="tx1"/>
              </a:solidFill>
            </a:endParaRPr>
          </a:p>
        </p:txBody>
      </p:sp>
      <p:sp>
        <p:nvSpPr>
          <p:cNvPr id="9" name="Pladsholder til indhold 5">
            <a:extLst>
              <a:ext uri="{FF2B5EF4-FFF2-40B4-BE49-F238E27FC236}">
                <a16:creationId xmlns:a16="http://schemas.microsoft.com/office/drawing/2014/main" id="{0F6ED473-1991-4F75-AC7E-43EBC3109AFD}"/>
              </a:ext>
            </a:extLst>
          </p:cNvPr>
          <p:cNvSpPr txBox="1">
            <a:spLocks/>
          </p:cNvSpPr>
          <p:nvPr/>
        </p:nvSpPr>
        <p:spPr>
          <a:xfrm>
            <a:off x="7320214" y="1971458"/>
            <a:ext cx="2612233" cy="72069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2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8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4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tabLst/>
              <a:defRPr sz="12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20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800" b="0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6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400" b="0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GB" b="1" dirty="0">
                <a:solidFill>
                  <a:schemeClr val="tx1"/>
                </a:solidFill>
              </a:rPr>
              <a:t>Innovation</a:t>
            </a:r>
            <a:endParaRPr lang="en-GB"/>
          </a:p>
          <a:p>
            <a:pPr marL="0" indent="0">
              <a:buFont typeface="Verdana" panose="020B0604030504040204" pitchFamily="34" charset="0"/>
              <a:buNone/>
            </a:pPr>
            <a:endParaRPr lang="en-GB" b="1" dirty="0"/>
          </a:p>
        </p:txBody>
      </p:sp>
      <p:sp>
        <p:nvSpPr>
          <p:cNvPr id="10" name="Ellipse 9">
            <a:extLst>
              <a:ext uri="{FF2B5EF4-FFF2-40B4-BE49-F238E27FC236}">
                <a16:creationId xmlns:a16="http://schemas.microsoft.com/office/drawing/2014/main" id="{CCFD6B6C-0658-455D-B3B4-6A180C88C084}"/>
              </a:ext>
            </a:extLst>
          </p:cNvPr>
          <p:cNvSpPr/>
          <p:nvPr/>
        </p:nvSpPr>
        <p:spPr>
          <a:xfrm>
            <a:off x="2146333" y="2973306"/>
            <a:ext cx="2160000" cy="2160000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GB" sz="2000" dirty="0">
                <a:solidFill>
                  <a:schemeClr val="tx1"/>
                </a:solidFill>
              </a:rPr>
              <a:t>Education and social </a:t>
            </a:r>
            <a:r>
              <a:rPr lang="en-GB" sz="2000" dirty="0" err="1">
                <a:solidFill>
                  <a:schemeClr val="tx1"/>
                </a:solidFill>
              </a:rPr>
              <a:t>education</a:t>
            </a:r>
            <a:endParaRPr lang="en-GB" sz="2000" dirty="0">
              <a:solidFill>
                <a:schemeClr val="tx1"/>
              </a:solidFill>
            </a:endParaRPr>
          </a:p>
        </p:txBody>
      </p:sp>
      <p:sp>
        <p:nvSpPr>
          <p:cNvPr id="11" name="Ellipse 10">
            <a:extLst>
              <a:ext uri="{FF2B5EF4-FFF2-40B4-BE49-F238E27FC236}">
                <a16:creationId xmlns:a16="http://schemas.microsoft.com/office/drawing/2014/main" id="{38E3EEB1-EBA1-4E27-AAB8-1E5C24504F13}"/>
              </a:ext>
            </a:extLst>
          </p:cNvPr>
          <p:cNvSpPr/>
          <p:nvPr/>
        </p:nvSpPr>
        <p:spPr>
          <a:xfrm>
            <a:off x="4320565" y="3038046"/>
            <a:ext cx="2160000" cy="2160000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GB" sz="2000" dirty="0">
                <a:solidFill>
                  <a:schemeClr val="accent1"/>
                </a:solidFill>
              </a:rPr>
              <a:t>Healthcare</a:t>
            </a:r>
            <a:endParaRPr lang="en-GB" sz="2000" noProof="0" dirty="0" err="1">
              <a:solidFill>
                <a:schemeClr val="accent1"/>
              </a:solidFill>
            </a:endParaRPr>
          </a:p>
        </p:txBody>
      </p:sp>
      <p:sp>
        <p:nvSpPr>
          <p:cNvPr id="12" name="Ellipse 11">
            <a:extLst>
              <a:ext uri="{FF2B5EF4-FFF2-40B4-BE49-F238E27FC236}">
                <a16:creationId xmlns:a16="http://schemas.microsoft.com/office/drawing/2014/main" id="{AFD42FC9-6254-4852-B128-A0C12EAFAAAF}"/>
              </a:ext>
            </a:extLst>
          </p:cNvPr>
          <p:cNvSpPr/>
          <p:nvPr/>
        </p:nvSpPr>
        <p:spPr>
          <a:xfrm>
            <a:off x="6466332" y="2973306"/>
            <a:ext cx="2160000" cy="2160000"/>
          </a:xfrm>
          <a:prstGeom prst="ellipse">
            <a:avLst/>
          </a:prstGeom>
          <a:solidFill>
            <a:schemeClr val="tx2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GB" sz="2000" dirty="0">
                <a:solidFill>
                  <a:schemeClr val="accent1"/>
                </a:solidFill>
              </a:rPr>
              <a:t>Business</a:t>
            </a:r>
            <a:endParaRPr lang="en-GB" sz="2000" noProof="0" dirty="0" err="1">
              <a:solidFill>
                <a:schemeClr val="accent1"/>
              </a:solidFill>
            </a:endParaRPr>
          </a:p>
        </p:txBody>
      </p:sp>
      <p:sp>
        <p:nvSpPr>
          <p:cNvPr id="13" name="Ellipse 12">
            <a:extLst>
              <a:ext uri="{FF2B5EF4-FFF2-40B4-BE49-F238E27FC236}">
                <a16:creationId xmlns:a16="http://schemas.microsoft.com/office/drawing/2014/main" id="{068C9E42-6894-48AE-9C70-F3FBD085EE4A}"/>
              </a:ext>
            </a:extLst>
          </p:cNvPr>
          <p:cNvSpPr/>
          <p:nvPr/>
        </p:nvSpPr>
        <p:spPr>
          <a:xfrm>
            <a:off x="8626331" y="2973306"/>
            <a:ext cx="2160000" cy="2160000"/>
          </a:xfrm>
          <a:prstGeom prst="ellipse">
            <a:avLst/>
          </a:prstGeom>
          <a:solidFill>
            <a:schemeClr val="accent3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GB" sz="2000" dirty="0">
                <a:solidFill>
                  <a:schemeClr val="accent1"/>
                </a:solidFill>
              </a:rPr>
              <a:t>Technology</a:t>
            </a:r>
            <a:endParaRPr lang="en-GB" sz="2000" noProof="0" dirty="0" err="1">
              <a:solidFill>
                <a:schemeClr val="accent1"/>
              </a:solidFill>
            </a:endParaRPr>
          </a:p>
        </p:txBody>
      </p:sp>
      <p:sp>
        <p:nvSpPr>
          <p:cNvPr id="14" name="Pladsholder til indhold 5">
            <a:extLst>
              <a:ext uri="{FF2B5EF4-FFF2-40B4-BE49-F238E27FC236}">
                <a16:creationId xmlns:a16="http://schemas.microsoft.com/office/drawing/2014/main" id="{8CBB056E-7E23-43E7-AEBA-61B787E5212F}"/>
              </a:ext>
            </a:extLst>
          </p:cNvPr>
          <p:cNvSpPr txBox="1">
            <a:spLocks/>
          </p:cNvSpPr>
          <p:nvPr/>
        </p:nvSpPr>
        <p:spPr>
          <a:xfrm>
            <a:off x="2200404" y="1988676"/>
            <a:ext cx="2612234" cy="9522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2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8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108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144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defRPr sz="14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180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Tx/>
              <a:buFont typeface="Verdana" panose="020B0604030504040204" pitchFamily="34" charset="0"/>
              <a:buChar char="●"/>
              <a:tabLst/>
              <a:defRPr sz="12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914400" rtl="0" eaLnBrk="1" latinLnBrk="0" hangingPunct="1">
              <a:lnSpc>
                <a:spcPct val="97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20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6pPr>
            <a:lvl7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800" b="0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7pPr>
            <a:lvl8pPr marL="1080000" indent="-360000" algn="l" defTabSz="9144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6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8pPr>
            <a:lvl9pPr marL="1440000" indent="-360000" algn="l" defTabSz="914400" rtl="0" eaLnBrk="1" latinLnBrk="0" hangingPunct="1">
              <a:lnSpc>
                <a:spcPct val="104000"/>
              </a:lnSpc>
              <a:spcBef>
                <a:spcPts val="0"/>
              </a:spcBef>
              <a:spcAft>
                <a:spcPts val="1417"/>
              </a:spcAft>
              <a:buClr>
                <a:schemeClr val="tx2"/>
              </a:buClr>
              <a:buSzPct val="90000"/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400" b="0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GB" b="1" dirty="0">
                <a:solidFill>
                  <a:schemeClr val="tx1"/>
                </a:solidFill>
              </a:rPr>
              <a:t>Education and </a:t>
            </a:r>
            <a:r>
              <a:rPr lang="en-GB" b="1" dirty="0" err="1">
                <a:solidFill>
                  <a:schemeClr val="tx1"/>
                </a:solidFill>
              </a:rPr>
              <a:t>continuing</a:t>
            </a:r>
            <a:r>
              <a:rPr lang="en-GB" b="1" dirty="0">
                <a:solidFill>
                  <a:schemeClr val="tx1"/>
                </a:solidFill>
              </a:rPr>
              <a:t> </a:t>
            </a:r>
            <a:r>
              <a:rPr lang="en-GB" b="1" dirty="0" err="1">
                <a:solidFill>
                  <a:schemeClr val="tx1"/>
                </a:solidFill>
              </a:rPr>
              <a:t>education</a:t>
            </a:r>
            <a:endParaRPr lang="en-GB" b="1" dirty="0">
              <a:solidFill>
                <a:schemeClr val="tx1"/>
              </a:solidFill>
            </a:endParaRPr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2A8A0F50-44D8-4CCC-AB03-210126849AB0}"/>
              </a:ext>
            </a:extLst>
          </p:cNvPr>
          <p:cNvSpPr txBox="1"/>
          <p:nvPr/>
        </p:nvSpPr>
        <p:spPr>
          <a:xfrm>
            <a:off x="863950" y="3868640"/>
            <a:ext cx="112273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dirty="0" err="1"/>
              <a:t>Within</a:t>
            </a:r>
            <a:r>
              <a:rPr lang="en-GB" dirty="0"/>
              <a:t>…</a:t>
            </a:r>
            <a:endParaRPr lang="en-GB"/>
          </a:p>
        </p:txBody>
      </p:sp>
      <p:pic>
        <p:nvPicPr>
          <p:cNvPr id="15" name="Picture 18" descr="Ingen tilgængelig beskrivelse.">
            <a:extLst>
              <a:ext uri="{FF2B5EF4-FFF2-40B4-BE49-F238E27FC236}">
                <a16:creationId xmlns:a16="http://schemas.microsoft.com/office/drawing/2014/main" id="{D7FB9A99-1816-4736-908E-F6F6C63CB52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6271"/>
          <a:stretch/>
        </p:blipFill>
        <p:spPr bwMode="auto">
          <a:xfrm>
            <a:off x="5481704" y="5211836"/>
            <a:ext cx="2160000" cy="164269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6509720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53" presetClass="entr" presetSubtype="16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23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4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2500"/>
                            </p:stCondLst>
                            <p:childTnLst>
                              <p:par>
                                <p:cTn id="27" presetID="53" presetClass="entr" presetSubtype="16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29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3000"/>
                            </p:stCondLst>
                            <p:childTnLst>
                              <p:par>
                                <p:cTn id="33" presetID="53" presetClass="entr" presetSubtype="16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35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6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8" fill="hold">
                            <p:stCondLst>
                              <p:cond delay="3500"/>
                            </p:stCondLst>
                            <p:childTnLst>
                              <p:par>
                                <p:cTn id="39" presetID="53" presetClass="entr" presetSubtype="16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41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2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1" grpId="0" animBg="1"/>
      <p:bldP spid="12" grpId="0" animBg="1"/>
      <p:bldP spid="13" grpId="0" animBg="1"/>
      <p:bldP spid="17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913980B-D13E-4EF1-90B6-98B284FB1E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o is involved from UCN’s Teacher Education?</a:t>
            </a:r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EC4347-7C28-491A-B956-89AC1EFA269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5636965-43E7-4BD5-BAF2-BC91C41116B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1026" name="Picture 2" descr="Thomas Kjærgaard - Læremiddel.dk">
            <a:extLst>
              <a:ext uri="{FF2B5EF4-FFF2-40B4-BE49-F238E27FC236}">
                <a16:creationId xmlns:a16="http://schemas.microsoft.com/office/drawing/2014/main" id="{F225144C-76E8-49DE-B727-CFF8063D55D3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55508" y="1213246"/>
            <a:ext cx="2310267" cy="17327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Thomas Kjærgaard, Lektor - UCN">
            <a:extLst>
              <a:ext uri="{FF2B5EF4-FFF2-40B4-BE49-F238E27FC236}">
                <a16:creationId xmlns:a16="http://schemas.microsoft.com/office/drawing/2014/main" id="{9CA0B1B0-ABEA-4531-AC46-A4D285EEB3B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589560" y="3337226"/>
            <a:ext cx="1641731" cy="219179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Ariana Mihalik Ward Jespersen, Adjunkt - UCN">
            <a:extLst>
              <a:ext uri="{FF2B5EF4-FFF2-40B4-BE49-F238E27FC236}">
                <a16:creationId xmlns:a16="http://schemas.microsoft.com/office/drawing/2014/main" id="{E9B2B73A-CBB4-4F99-AF40-8D174E158FB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647123" y="1119203"/>
            <a:ext cx="1664262" cy="2158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2" name="Picture 8" descr="UCN Mylius Erichsens Vej 137">
            <a:extLst>
              <a:ext uri="{FF2B5EF4-FFF2-40B4-BE49-F238E27FC236}">
                <a16:creationId xmlns:a16="http://schemas.microsoft.com/office/drawing/2014/main" id="{23BC01C7-E1F7-49E7-A3B1-54B84C83242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35785" y="2945946"/>
            <a:ext cx="1641732" cy="21868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4" name="Picture 10" descr="Lisa Rygaard Frost Kristensen, Lektor - UCN">
            <a:extLst>
              <a:ext uri="{FF2B5EF4-FFF2-40B4-BE49-F238E27FC236}">
                <a16:creationId xmlns:a16="http://schemas.microsoft.com/office/drawing/2014/main" id="{0E4C7E6C-0E45-4F54-B45D-40243065154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01918" y="1119203"/>
            <a:ext cx="1612597" cy="21480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8A02887F-8A55-4258-883E-19D349FD9D13}"/>
              </a:ext>
            </a:extLst>
          </p:cNvPr>
          <p:cNvSpPr txBox="1"/>
          <p:nvPr/>
        </p:nvSpPr>
        <p:spPr>
          <a:xfrm>
            <a:off x="1155508" y="2950636"/>
            <a:ext cx="2310267" cy="1578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Thomas Kjærgaard, PhD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Associate Lecturer in English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Key-areas: Technology in teaching and learning, Reflective </a:t>
            </a:r>
            <a:r>
              <a:rPr lang="en-US" sz="1200" dirty="0" err="1"/>
              <a:t>Practise</a:t>
            </a:r>
            <a:r>
              <a:rPr lang="en-US" sz="1200" dirty="0"/>
              <a:t> based learning (RPL)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Implements COIL in teaching (Japan, UK, and now Ghana)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Part of the </a:t>
            </a:r>
            <a:r>
              <a:rPr lang="en-US" sz="1200" dirty="0" err="1"/>
              <a:t>Nordplus</a:t>
            </a:r>
            <a:r>
              <a:rPr lang="en-US" sz="1200" dirty="0"/>
              <a:t> project team (GLOSS)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9B132D8C-94B8-465D-A292-9FB63FC3126F}"/>
              </a:ext>
            </a:extLst>
          </p:cNvPr>
          <p:cNvSpPr txBox="1"/>
          <p:nvPr/>
        </p:nvSpPr>
        <p:spPr>
          <a:xfrm>
            <a:off x="3190388" y="5613215"/>
            <a:ext cx="2576339" cy="10525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Christina Elisabeth Mundbjerg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Assistant Lecturer in English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Key-areas: Intercultural competence and Internationalization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Will implement COIL into teaching this autumn with Ghana (Pilot)</a:t>
            </a:r>
            <a:endParaRPr lang="da-DK" sz="1200" dirty="0" err="1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2FB574D-2D71-4F29-A681-902F6A1B0C61}"/>
              </a:ext>
            </a:extLst>
          </p:cNvPr>
          <p:cNvSpPr txBox="1"/>
          <p:nvPr/>
        </p:nvSpPr>
        <p:spPr>
          <a:xfrm>
            <a:off x="5550948" y="3297566"/>
            <a:ext cx="1955054" cy="14034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Ariana Ward Jespersen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Assistant Lecturer in English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Key-areas: Intercultural competence &amp; Language acquisition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Will implement COIL into teaching this spring with Ghana (Pilot)</a:t>
            </a:r>
            <a:endParaRPr lang="da-DK" sz="1200" dirty="0" err="1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150D5AB-B0E0-4A4B-B403-655FC2746766}"/>
              </a:ext>
            </a:extLst>
          </p:cNvPr>
          <p:cNvSpPr txBox="1"/>
          <p:nvPr/>
        </p:nvSpPr>
        <p:spPr>
          <a:xfrm>
            <a:off x="9574995" y="3350344"/>
            <a:ext cx="2576339" cy="12280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Lisa Rygaard Kristensen, PhD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Associate Lecturer in English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Key-areas: Intercultural competence and Globalization, Philosophy with children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Will implement COIL into teaching this spring with Ghana (Pilot)</a:t>
            </a:r>
            <a:endParaRPr lang="da-DK" sz="1200" dirty="0" err="1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EC0AB2E-DFCF-4BA3-B2E5-7193E9A29F4B}"/>
              </a:ext>
            </a:extLst>
          </p:cNvPr>
          <p:cNvSpPr txBox="1"/>
          <p:nvPr/>
        </p:nvSpPr>
        <p:spPr>
          <a:xfrm>
            <a:off x="7187872" y="5262350"/>
            <a:ext cx="2576339" cy="14034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Anne Lassen Zakaria, PhD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Assistant Lecturer in Danish as  second language, international coordinator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Key-areas: Intercultural competence and Internationalization</a:t>
            </a:r>
          </a:p>
          <a:p>
            <a:pPr algn="l">
              <a:lnSpc>
                <a:spcPct val="95000"/>
              </a:lnSpc>
              <a:buClr>
                <a:schemeClr val="accent2"/>
              </a:buClr>
            </a:pPr>
            <a:r>
              <a:rPr lang="en-US" sz="1200" dirty="0"/>
              <a:t>Will implement COIL into teaching this autumn with Ghana (Pilot)</a:t>
            </a:r>
            <a:endParaRPr lang="da-DK" sz="1200" dirty="0" err="1"/>
          </a:p>
        </p:txBody>
      </p:sp>
    </p:spTree>
    <p:extLst>
      <p:ext uri="{BB962C8B-B14F-4D97-AF65-F5344CB8AC3E}">
        <p14:creationId xmlns:p14="http://schemas.microsoft.com/office/powerpoint/2010/main" val="183483707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A4E8E1F-B565-411E-B8F6-1D949275DE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ernational practicum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C64F77B-C701-4895-AE4F-781B18961F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84865" y="1041146"/>
            <a:ext cx="6530928" cy="4053600"/>
          </a:xfrm>
        </p:spPr>
        <p:txBody>
          <a:bodyPr/>
          <a:lstStyle/>
          <a:p>
            <a:r>
              <a:rPr lang="en-GB" sz="18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During the 4 years of education, students have 3  practicum periods of  6 weeks each time. </a:t>
            </a:r>
            <a:endParaRPr lang="en-GB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en-GB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The competence areas of all of these are: </a:t>
            </a:r>
          </a:p>
          <a:p>
            <a:pPr lvl="1"/>
            <a:r>
              <a:rPr lang="en-GB" sz="16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Didactics </a:t>
            </a:r>
          </a:p>
          <a:p>
            <a:pPr lvl="1"/>
            <a:r>
              <a:rPr lang="en-GB" sz="16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Classroom Management </a:t>
            </a:r>
          </a:p>
          <a:p>
            <a:pPr lvl="1"/>
            <a:r>
              <a:rPr lang="en-GB" sz="16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Relational Work </a:t>
            </a:r>
          </a:p>
          <a:p>
            <a:r>
              <a:rPr lang="en-GB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The three teaching practice levels together make up 30 ECTS points. </a:t>
            </a:r>
          </a:p>
          <a:p>
            <a:r>
              <a:rPr lang="en-GB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irst level is obligatory in a Danish </a:t>
            </a:r>
            <a:r>
              <a:rPr lang="en-GB" sz="1800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olkeskole</a:t>
            </a:r>
            <a:endParaRPr lang="en-GB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en-GB" sz="18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Level 2 and/or 3 are more open and students can choose a practicum abroad </a:t>
            </a:r>
          </a:p>
          <a:p>
            <a:r>
              <a:rPr lang="en-GB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Around 40 students go abroad for an international practicum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BFCC183-9C8E-425E-B6A1-BA4EA5BE67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1C5499-0E23-42FB-8B88-3A7A364B30D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6" name="Picture 12" descr="Ingen tilgængelig beskrivelse.">
            <a:extLst>
              <a:ext uri="{FF2B5EF4-FFF2-40B4-BE49-F238E27FC236}">
                <a16:creationId xmlns:a16="http://schemas.microsoft.com/office/drawing/2014/main" id="{985B936C-5652-4DFE-87B1-BBFD592B964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72498" y="1628078"/>
            <a:ext cx="4747101" cy="35572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4359571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AC84BF-4DB9-43C4-BC09-013D4143D7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ere do our students go for international practicum?</a:t>
            </a:r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4B16764-311D-4AC6-9891-7F75E52A92F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3C44B82-62C3-4550-8EFD-B3C9E212CCE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F994A45-1468-4A28-9A09-45F04458540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82405" y="1539540"/>
            <a:ext cx="4601766" cy="4053600"/>
          </a:xfrm>
        </p:spPr>
        <p:txBody>
          <a:bodyPr/>
          <a:lstStyle/>
          <a:p>
            <a:r>
              <a:rPr lang="en-US" dirty="0">
                <a:solidFill>
                  <a:srgbClr val="FF0000"/>
                </a:solidFill>
              </a:rPr>
              <a:t>Ghana</a:t>
            </a:r>
            <a:r>
              <a:rPr lang="en-US" dirty="0"/>
              <a:t>, </a:t>
            </a:r>
            <a:r>
              <a:rPr lang="en-US" dirty="0">
                <a:solidFill>
                  <a:srgbClr val="FF0000"/>
                </a:solidFill>
              </a:rPr>
              <a:t>Zambia</a:t>
            </a:r>
            <a:r>
              <a:rPr lang="en-US" dirty="0"/>
              <a:t>, </a:t>
            </a:r>
            <a:r>
              <a:rPr lang="en-US" dirty="0">
                <a:solidFill>
                  <a:srgbClr val="FF0000"/>
                </a:solidFill>
              </a:rPr>
              <a:t>India</a:t>
            </a:r>
            <a:r>
              <a:rPr lang="en-US" dirty="0"/>
              <a:t>, Australia, Japan, Israel/</a:t>
            </a:r>
            <a:r>
              <a:rPr lang="en-US" dirty="0">
                <a:solidFill>
                  <a:srgbClr val="FF0000"/>
                </a:solidFill>
              </a:rPr>
              <a:t>Palestine</a:t>
            </a:r>
            <a:r>
              <a:rPr lang="en-US" dirty="0"/>
              <a:t>, Holland, UK, Germany, Canada, Norway, Greenland, Faroe Islands, Iceland, and more…</a:t>
            </a:r>
          </a:p>
          <a:p>
            <a:r>
              <a:rPr lang="en-US" dirty="0"/>
              <a:t>Most often we have direct collaboration with the practicum schools</a:t>
            </a:r>
          </a:p>
          <a:p>
            <a:r>
              <a:rPr lang="en-US" dirty="0"/>
              <a:t>In Ghana, Japan and Israel the practicums are established through our partner universities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7731C56-ADA5-4AC7-AA16-0746BFF42AE2}"/>
              </a:ext>
            </a:extLst>
          </p:cNvPr>
          <p:cNvSpPr txBox="1"/>
          <p:nvPr/>
        </p:nvSpPr>
        <p:spPr>
          <a:xfrm>
            <a:off x="2868652" y="5759411"/>
            <a:ext cx="609414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solidFill>
                  <a:srgbClr val="FF0000"/>
                </a:solidFill>
              </a:rPr>
              <a:t>In GLOSS we focus on our collaboration with University of Education, Winneba in Ghana</a:t>
            </a:r>
            <a:endParaRPr lang="da-DK" dirty="0">
              <a:solidFill>
                <a:srgbClr val="FF0000"/>
              </a:solidFill>
            </a:endParaRPr>
          </a:p>
        </p:txBody>
      </p:sp>
      <p:pic>
        <p:nvPicPr>
          <p:cNvPr id="8" name="Content Placeholder 11">
            <a:extLst>
              <a:ext uri="{FF2B5EF4-FFF2-40B4-BE49-F238E27FC236}">
                <a16:creationId xmlns:a16="http://schemas.microsoft.com/office/drawing/2014/main" id="{F2696C4C-6073-43F5-B731-092DB939994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450994" y="1182263"/>
            <a:ext cx="2756917" cy="2067688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EADBED2B-EB5D-4274-A077-E781308B8BA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413397" y="3352265"/>
            <a:ext cx="2794514" cy="2240875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BC5B6AC2-ABFE-4AF5-BE03-F4AD553F569C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8140632" y="1549522"/>
            <a:ext cx="3377326" cy="2532995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47834A8-F3CD-4451-9ABE-A14ADAB2DD5E}"/>
              </a:ext>
            </a:extLst>
          </p:cNvPr>
          <p:cNvPicPr/>
          <p:nvPr/>
        </p:nvPicPr>
        <p:blipFill rotWithShape="1">
          <a:blip r:embed="rId5" r:link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8356" b="29667"/>
          <a:stretch>
            <a:fillRect/>
          </a:stretch>
        </p:blipFill>
        <p:spPr bwMode="auto">
          <a:xfrm>
            <a:off x="8962792" y="4661211"/>
            <a:ext cx="2656806" cy="1744532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400450552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64F65D-C36B-446C-809D-043564B2FA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have we gained so far quantitatively</a:t>
            </a:r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C4244C1-CA92-4374-BBA0-99EFDE4861E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080C4D2-806B-496C-A74F-35A3C3C1A62A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63E5565-4C6F-4210-A1F3-9859809513D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399" y="1291609"/>
            <a:ext cx="11048400" cy="4053600"/>
          </a:xfrm>
        </p:spPr>
        <p:txBody>
          <a:bodyPr/>
          <a:lstStyle/>
          <a:p>
            <a:r>
              <a:rPr lang="da-DK" dirty="0"/>
              <a:t>In terms of </a:t>
            </a:r>
            <a:r>
              <a:rPr lang="da-DK" dirty="0" err="1"/>
              <a:t>physical</a:t>
            </a:r>
            <a:r>
              <a:rPr lang="da-DK" dirty="0"/>
              <a:t> </a:t>
            </a:r>
            <a:r>
              <a:rPr lang="da-DK" dirty="0" err="1"/>
              <a:t>mobility</a:t>
            </a:r>
            <a:r>
              <a:rPr lang="da-DK" dirty="0"/>
              <a:t>: </a:t>
            </a:r>
          </a:p>
          <a:p>
            <a:pPr lvl="1"/>
            <a:r>
              <a:rPr lang="da-DK" dirty="0"/>
              <a:t>5 students have </a:t>
            </a:r>
            <a:r>
              <a:rPr lang="da-DK" dirty="0" err="1"/>
              <a:t>been</a:t>
            </a:r>
            <a:r>
              <a:rPr lang="da-DK" dirty="0"/>
              <a:t> to UEW from UCN</a:t>
            </a:r>
          </a:p>
          <a:p>
            <a:pPr lvl="1"/>
            <a:r>
              <a:rPr lang="da-DK" dirty="0"/>
              <a:t>6 students have </a:t>
            </a:r>
            <a:r>
              <a:rPr lang="da-DK" dirty="0" err="1"/>
              <a:t>been</a:t>
            </a:r>
            <a:r>
              <a:rPr lang="da-DK" dirty="0"/>
              <a:t> to UCN from UEW</a:t>
            </a:r>
          </a:p>
          <a:p>
            <a:pPr lvl="1"/>
            <a:r>
              <a:rPr lang="da-DK" dirty="0"/>
              <a:t>1 </a:t>
            </a:r>
            <a:r>
              <a:rPr lang="da-DK" dirty="0" err="1"/>
              <a:t>staff</a:t>
            </a:r>
            <a:r>
              <a:rPr lang="da-DK" dirty="0"/>
              <a:t> </a:t>
            </a:r>
            <a:r>
              <a:rPr lang="da-DK" dirty="0" err="1"/>
              <a:t>member</a:t>
            </a:r>
            <a:r>
              <a:rPr lang="da-DK" dirty="0"/>
              <a:t> has </a:t>
            </a:r>
            <a:r>
              <a:rPr lang="da-DK" dirty="0" err="1"/>
              <a:t>been</a:t>
            </a:r>
            <a:r>
              <a:rPr lang="da-DK" dirty="0"/>
              <a:t> to UCN from UEW</a:t>
            </a:r>
          </a:p>
          <a:p>
            <a:pPr lvl="1"/>
            <a:r>
              <a:rPr lang="da-DK" dirty="0"/>
              <a:t>12 </a:t>
            </a:r>
            <a:r>
              <a:rPr lang="da-DK" dirty="0" err="1"/>
              <a:t>staff</a:t>
            </a:r>
            <a:r>
              <a:rPr lang="da-DK" dirty="0"/>
              <a:t> </a:t>
            </a:r>
            <a:r>
              <a:rPr lang="da-DK" dirty="0" err="1"/>
              <a:t>members</a:t>
            </a:r>
            <a:r>
              <a:rPr lang="da-DK" dirty="0"/>
              <a:t> from UCN have </a:t>
            </a:r>
            <a:r>
              <a:rPr lang="da-DK" dirty="0" err="1"/>
              <a:t>been</a:t>
            </a:r>
            <a:r>
              <a:rPr lang="da-DK" dirty="0"/>
              <a:t> to UEW</a:t>
            </a:r>
          </a:p>
          <a:p>
            <a:r>
              <a:rPr lang="da-DK" dirty="0"/>
              <a:t>In 2022/23: </a:t>
            </a:r>
          </a:p>
          <a:p>
            <a:pPr lvl="1"/>
            <a:r>
              <a:rPr lang="da-DK" dirty="0"/>
              <a:t>4 student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going</a:t>
            </a:r>
            <a:r>
              <a:rPr lang="da-DK" dirty="0"/>
              <a:t> to UEW from UCN, </a:t>
            </a:r>
          </a:p>
          <a:p>
            <a:pPr lvl="1"/>
            <a:r>
              <a:rPr lang="da-DK" dirty="0"/>
              <a:t>4 student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going</a:t>
            </a:r>
            <a:r>
              <a:rPr lang="da-DK" dirty="0"/>
              <a:t> to UCN, </a:t>
            </a:r>
          </a:p>
          <a:p>
            <a:pPr lvl="1"/>
            <a:r>
              <a:rPr lang="da-DK" dirty="0"/>
              <a:t>3 </a:t>
            </a:r>
            <a:r>
              <a:rPr lang="da-DK" dirty="0" err="1"/>
              <a:t>staff</a:t>
            </a:r>
            <a:r>
              <a:rPr lang="da-DK" dirty="0"/>
              <a:t> UEW to join UCN international </a:t>
            </a:r>
            <a:r>
              <a:rPr lang="da-DK" dirty="0" err="1"/>
              <a:t>days</a:t>
            </a:r>
            <a:endParaRPr lang="da-DK" dirty="0"/>
          </a:p>
          <a:p>
            <a:pPr lvl="1"/>
            <a:r>
              <a:rPr lang="da-DK" dirty="0"/>
              <a:t>3 UCN </a:t>
            </a:r>
            <a:r>
              <a:rPr lang="da-DK" dirty="0" err="1"/>
              <a:t>staff</a:t>
            </a:r>
            <a:r>
              <a:rPr lang="da-DK" dirty="0"/>
              <a:t> </a:t>
            </a:r>
            <a:r>
              <a:rPr lang="da-DK" dirty="0" err="1"/>
              <a:t>going</a:t>
            </a:r>
            <a:r>
              <a:rPr lang="da-DK" dirty="0"/>
              <a:t> to UEW in 2023</a:t>
            </a:r>
          </a:p>
          <a:p>
            <a:endParaRPr lang="en-US" dirty="0"/>
          </a:p>
          <a:p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A730E5A-6847-452F-9B04-ADAD60E693A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2353" y="1616927"/>
            <a:ext cx="5436219" cy="3624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5205541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28D3F4-C1A1-4ADE-B07F-47B56C87E2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llenges</a:t>
            </a:r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EB47E2-B328-455C-8F3B-2BB6EB6392D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5ADF90C-C5FF-4983-898A-F3237049334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C0E4C55-C393-44E8-9B65-06721068EC7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1198" y="1278599"/>
            <a:ext cx="11048400" cy="4053600"/>
          </a:xfrm>
        </p:spPr>
        <p:txBody>
          <a:bodyPr/>
          <a:lstStyle/>
          <a:p>
            <a:r>
              <a:rPr lang="en-US" dirty="0"/>
              <a:t>teacher strikes</a:t>
            </a:r>
          </a:p>
          <a:p>
            <a:r>
              <a:rPr lang="en-US" dirty="0"/>
              <a:t>Normative practices </a:t>
            </a:r>
          </a:p>
          <a:p>
            <a:r>
              <a:rPr lang="en-US" dirty="0"/>
              <a:t>Pandemic</a:t>
            </a:r>
          </a:p>
          <a:p>
            <a:r>
              <a:rPr lang="en-US" dirty="0"/>
              <a:t>diversity in work ethics </a:t>
            </a:r>
          </a:p>
          <a:p>
            <a:r>
              <a:rPr lang="en-US" dirty="0"/>
              <a:t>clash in academic calendars and timings</a:t>
            </a:r>
          </a:p>
          <a:p>
            <a:r>
              <a:rPr lang="en-US" dirty="0"/>
              <a:t>Management bureaucratic processes, budget cuts and resource scarcity</a:t>
            </a:r>
          </a:p>
          <a:p>
            <a:r>
              <a:rPr lang="da-DK" dirty="0" err="1"/>
              <a:t>Difficult</a:t>
            </a:r>
            <a:r>
              <a:rPr lang="da-DK" dirty="0"/>
              <a:t> to </a:t>
            </a:r>
            <a:r>
              <a:rPr lang="da-DK" dirty="0" err="1"/>
              <a:t>get</a:t>
            </a:r>
            <a:r>
              <a:rPr lang="da-DK" dirty="0"/>
              <a:t> UCN students to go for a semester at UEW – the </a:t>
            </a:r>
            <a:r>
              <a:rPr lang="da-DK" dirty="0" err="1"/>
              <a:t>two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went</a:t>
            </a:r>
            <a:r>
              <a:rPr lang="da-DK" dirty="0"/>
              <a:t> </a:t>
            </a:r>
            <a:r>
              <a:rPr lang="da-DK" dirty="0" err="1"/>
              <a:t>came</a:t>
            </a:r>
            <a:r>
              <a:rPr lang="da-DK" dirty="0"/>
              <a:t> back!!</a:t>
            </a:r>
          </a:p>
          <a:p>
            <a:r>
              <a:rPr lang="da-DK" dirty="0" err="1"/>
              <a:t>Institutional</a:t>
            </a:r>
            <a:r>
              <a:rPr lang="da-DK" dirty="0"/>
              <a:t> support </a:t>
            </a:r>
          </a:p>
          <a:p>
            <a:r>
              <a:rPr lang="da-DK" dirty="0"/>
              <a:t>Driven by </a:t>
            </a:r>
            <a:r>
              <a:rPr lang="da-DK" dirty="0" err="1"/>
              <a:t>network</a:t>
            </a:r>
            <a:r>
              <a:rPr lang="da-DK" dirty="0"/>
              <a:t> and ”ildsjæle”</a:t>
            </a:r>
          </a:p>
          <a:p>
            <a:r>
              <a:rPr lang="da-DK" dirty="0"/>
              <a:t>Visa procedures – for </a:t>
            </a:r>
            <a:r>
              <a:rPr lang="da-DK" dirty="0" err="1"/>
              <a:t>south</a:t>
            </a:r>
            <a:r>
              <a:rPr lang="da-DK" dirty="0"/>
              <a:t> partners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4205225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F496AC-18C7-406E-9CA0-EE4EB8F343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92097" y="244776"/>
            <a:ext cx="11920654" cy="910800"/>
          </a:xfrm>
        </p:spPr>
        <p:txBody>
          <a:bodyPr/>
          <a:lstStyle/>
          <a:p>
            <a:r>
              <a:rPr lang="en-US" sz="2800" dirty="0"/>
              <a:t>A story: from institutional collaboration to friendships &amp; gifts</a:t>
            </a:r>
            <a:endParaRPr lang="da-DK" sz="280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CB6EFDA-D0C3-46C7-BEB1-BA35978EAE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7C26AA0A-A104-4C94-8CD1-741D8F05483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8" name="Picture 2">
            <a:extLst>
              <a:ext uri="{FF2B5EF4-FFF2-40B4-BE49-F238E27FC236}">
                <a16:creationId xmlns:a16="http://schemas.microsoft.com/office/drawing/2014/main" id="{B3C9D674-D908-4A7F-A62A-EA491B4595C6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932480" y="1155576"/>
            <a:ext cx="6081712" cy="40544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1886F004-C134-4B95-8F36-4B135E2608F3}"/>
              </a:ext>
            </a:extLst>
          </p:cNvPr>
          <p:cNvSpPr txBox="1"/>
          <p:nvPr/>
        </p:nvSpPr>
        <p:spPr>
          <a:xfrm>
            <a:off x="1951462" y="5530980"/>
            <a:ext cx="8552985" cy="2923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95000"/>
              </a:lnSpc>
              <a:spcAft>
                <a:spcPts val="1417"/>
              </a:spcAft>
              <a:buClr>
                <a:schemeClr val="accent2"/>
              </a:buClr>
            </a:pPr>
            <a:r>
              <a:rPr lang="en-US" sz="2000" b="1" dirty="0">
                <a:solidFill>
                  <a:schemeClr val="accent1"/>
                </a:solidFill>
              </a:rPr>
              <a:t>Samuel Enchill – Art Student from University of Education, Winneba</a:t>
            </a:r>
            <a:endParaRPr lang="da-DK" sz="2000" b="1" dirty="0" err="1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7193693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UCN 2022">
      <a:dk1>
        <a:sysClr val="windowText" lastClr="000000"/>
      </a:dk1>
      <a:lt1>
        <a:sysClr val="window" lastClr="FFFFFF"/>
      </a:lt1>
      <a:dk2>
        <a:srgbClr val="00646E"/>
      </a:dk2>
      <a:lt2>
        <a:srgbClr val="A5DCCD"/>
      </a:lt2>
      <a:accent1>
        <a:srgbClr val="004250"/>
      </a:accent1>
      <a:accent2>
        <a:srgbClr val="0096A0"/>
      </a:accent2>
      <a:accent3>
        <a:srgbClr val="BED6DB"/>
      </a:accent3>
      <a:accent4>
        <a:srgbClr val="FFE673"/>
      </a:accent4>
      <a:accent5>
        <a:srgbClr val="FFC87D"/>
      </a:accent5>
      <a:accent6>
        <a:srgbClr val="FFA591"/>
      </a:accent6>
      <a:hlink>
        <a:srgbClr val="0064B4"/>
      </a:hlink>
      <a:folHlink>
        <a:srgbClr val="00646E"/>
      </a:folHlink>
    </a:clrScheme>
    <a:fontScheme name="UC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360000" indent="-360000" algn="l">
          <a:lnSpc>
            <a:spcPct val="95000"/>
          </a:lnSpc>
          <a:spcAft>
            <a:spcPts val="1417"/>
          </a:spcAft>
          <a:buClr>
            <a:schemeClr val="accent2"/>
          </a:buClr>
          <a:buFont typeface="Verdana" panose="020B0604030504040204" pitchFamily="34" charset="0"/>
          <a:buChar char="●"/>
          <a:defRPr sz="2000" dirty="0" err="1" smtClean="0">
            <a:solidFill>
              <a:schemeClr val="accent1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DK.potx" id="{E8503171-9222-477E-A792-087E0839C7FD}" vid="{8D8B529B-7E3F-4FC4-895E-A9AF802B5918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136493143440626","enableDocumentContentUpdater":true,"version":"1.10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995265913562575","enableDocumentContentUpdater":true,"version":"1.1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147678904465260","enableDocumentContentUpdater":true,"version":"1.10"}]]></TemplafySlideTemplateConfiguration>
</file>

<file path=customXml/item14.xml><?xml version="1.0" encoding="utf-8"?>
<TemplafyTemplateConfiguration><![CDATA[{"elementsMetadata":[{"type":"shape","id":"d0f77450-6e4b-4235-88ad-282a6a26cb36","elementConfiguration":{"binding":"UserProfile.Street.Department_{{DocumentLanguage}}","disableUpdates":false,"type":"text"}},{"type":"shape","id":"3a346782-b0d9-497b-ad85-b2015c81f8d1","elementConfiguration":{"binding":"UserProfile.Name","disableUpdates":false,"type":"text"}},{"type":"shape","id":"23948d8c-3b9a-4c5e-94e8-d06f61ebc9d3","elementConfiguration":{"inheritDimensions":"inheritNone","height":"0.9 cm","binding":"UserProfile.LogoInsertion.LogoPP_Green_{{DocumentLanguage}}","disableUpdates":false,"type":"image"}},{"type":"shape","id":"ca68b629-b054-44e4-b612-6e0e46cc8b8d","elementConfiguration":{"binding":"UserProfile.Street.Department_{{DocumentLanguage}}","disableUpdates":false,"type":"text"}},{"type":"shape","id":"217b6685-91b2-4dd4-b171-0413d0a87e25","elementConfiguration":{"binding":"UserProfile.Name","disableUpdates":false,"type":"text"}},{"type":"shape","id":"ff4a7321-508a-45ad-ab6b-7e36fef47cda","elementConfiguration":{"inheritDimensions":"inheritNone","height":"0.9  cm","binding":"UserProfile.LogoInsertion.LogoPP_White_{{DocumentLanguage}}","disableUpdates":false,"type":"image"}},{"type":"shape","id":"d92d213f-e34f-49bd-bc2e-c6567513721c","elementConfiguration":{"binding":"UserProfile.Street.Department_{{DocumentLanguage}}","disableUpdates":false,"type":"text"}},{"type":"shape","id":"e0e71c0e-e4ab-4041-85f3-a6e84dcf6bf3","elementConfiguration":{"binding":"UserProfile.Name","disableUpdates":false,"type":"text"}},{"type":"shape","id":"1dc5a131-ec80-4a83-8763-6579c2d9e5c4","elementConfiguration":{"inheritDimensions":"inheritNone","height":"0.9 cm","binding":"UserProfile.LogoInsertion.LogoPP_Green_{{DocumentLanguage}}","disableUpdates":false,"type":"image"}},{"type":"shape","id":"136161d0-1632-47d1-bb23-154693412b31","elementConfiguration":{"binding":"UserProfile.Street.Department_{{DocumentLanguage}}","disableUpdates":false,"type":"text"}},{"type":"shape","id":"5b3d8985-f2a5-41ea-88a1-167c79a4f372","elementConfiguration":{"binding":"UserProfile.Name","disableUpdates":false,"type":"text"}},{"type":"shape","id":"03a0ddbf-0af7-4c32-8efc-da7dec781522","elementConfiguration":{"format":"{{DateFormats.GeneralDate}}","binding":"Form.Date","visibility":{"action":"hide","binding":"Form.IncludeDate.Valg","operator":"equals","compareValue":"Ingen dato"},"disableUpdates":false,"type":"date"}},{"type":"shape","id":"a63a1b5e-330c-4618-94ff-ffc129489f41","elementConfiguration":{"inheritDimensions":"inheritNone","height":"0.9  cm","binding":"UserProfile.LogoInsertion.LogoPP_White_{{DocumentLanguage}}","disableUpdates":false,"type":"image"}},{"type":"shape","id":"353f3e25-8e6b-47f4-9a08-47b47e03b319","elementConfiguration":{"binding":"UserProfile.Street.Department_{{DocumentLanguage}}","disableUpdates":false,"type":"text"}},{"type":"shape","id":"1134dfe9-a3aa-49e7-aa54-96aa25585f65","elementConfiguration":{"binding":"UserProfile.Name","disableUpdates":false,"type":"text"}},{"type":"shape","id":"8ecbb0b3-ea71-4188-b7c6-a60877af6520","elementConfiguration":{"inheritDimensions":"inheritNone","height":"0.9 cm","binding":"UserProfile.LogoInsertion.LogoPP_White_{{DocumentLanguage}}","disableUpdates":false,"type":"image"}},{"type":"shape","id":"c58a48df-a9f3-47f4-a833-22ee60cefb46","elementConfiguration":{"inheritDimensions":"inheritNone","height":"","disableUpdates":false,"type":"image"}},{"type":"shape","id":"30dfc9df-1824-4f08-a8c9-70240a68799f","elementConfiguration":{"binding":"UserProfile.Street.Department_{{DocumentLanguage}}","disableUpdates":false,"type":"text"}},{"type":"shape","id":"244bcf55-c493-48e0-b1b5-43ae56369f38","elementConfiguration":{"binding":"UserProfile.Name","disableUpdates":false,"type":"text"}},{"type":"shape","id":"4053ac59-37d9-40bd-8f11-bbbf8da255d8","elementConfiguration":{"inheritDimensions":"inheritNone","height":"0.9 cm","binding":"UserProfile.LogoInsertion.LogoPP_Green_{{DocumentLanguage}}","disableUpdates":false,"type":"image"}},{"type":"shape","id":"c87a35f2-8708-43c4-85a3-f41519560843","elementConfiguration":{"binding":"UserProfile.Street.Department_{{DocumentLanguage}}","disableUpdates":false,"type":"text"}},{"type":"shape","id":"3b9ee39d-69c1-4e12-baca-d895affc5570","elementConfiguration":{"binding":"UserProfile.Name","disableUpdates":false,"type":"text"}},{"type":"shape","id":"f2e3f049-b5d1-4ae5-90a6-441355d4ab16","elementConfiguration":{"inheritDimensions":"inheritNone","height":"0.9 cm","binding":"UserProfile.LogoInsertion.LogoPP_White_{{DocumentLanguage}}","disableUpdates":false,"type":"image"}},{"type":"shape","id":"3953c235-c742-40a5-8ded-9f9c4981a7dc","elementConfiguration":{"binding":"UserProfile.Street.Department_{{DocumentLanguage}}","disableUpdates":false,"type":"text"}},{"type":"shape","id":"23de2284-dff3-4132-b6e8-4f3002fb8f3b","elementConfiguration":{"binding":"UserProfile.Name","disableUpdates":false,"type":"text"}},{"type":"shape","id":"04921bf6-a746-4794-8423-b31a03e09fc0","elementConfiguration":{"format":"{{DateFormats.GeneralDate}}","binding":"Form.Date","visibility":{"action":"hide","binding":"Form.IncludeDate.Valg","operator":"equals","compareValue":"Ingen dato"},"disableUpdates":false,"type":"date"}},{"type":"shape","id":"6d3938ea-52c2-4798-9544-c9ab028c2a67","elementConfiguration":{"inheritDimensions":"inheritNone","height":"0.9 cm","binding":"UserProfile.LogoInsertion.LogoPP_Green_{{DocumentLanguage}}","disableUpdates":false,"type":"image"}},{"type":"shape","id":"e6a3a012-7a93-4090-b6dc-0c2f00958e0f","elementConfiguration":{"binding":"UserProfile.Street.Department_{{DocumentLanguage}}","disableUpdates":false,"type":"text"}},{"type":"shape","id":"e290881d-f717-40d6-a504-fb192a2bde33","elementConfiguration":{"binding":"UserProfile.Name","disableUpdates":false,"type":"text"}},{"type":"shape","id":"096cb01e-8322-4d35-b40a-c1a7ccc5bf1a","elementConfiguration":{"inheritDimensions":"inheritNone","height":"0.9 cm","binding":"UserProfile.LogoInsertion.LogoPP_Green_{{DocumentLanguage}}","disableUpdates":false,"type":"image"}},{"type":"shape","id":"b7d411f1-f3f0-4e62-ae19-c195406e5e63","elementConfiguration":{"binding":"UserProfile.Street.Department_{{DocumentLanguage}}","disableUpdates":false,"type":"text"}},{"type":"shape","id":"ab0922cc-5c45-4c2e-a46d-0562c593125c","elementConfiguration":{"binding":"UserProfile.Name","disableUpdates":false,"type":"text"}},{"type":"shape","id":"f6a953b2-bbd4-4506-8105-097be10406a5","elementConfiguration":{"inheritDimensions":"inheritNone","height":"0.9 cm","binding":"UserProfile.LogoInsertion.LogoPP_Green_{{DocumentLanguage}}","disableUpdates":false,"type":"image"}},{"type":"shape","id":"6c9fb041-8f19-48ee-9f66-99ecec7ed498","elementConfiguration":{"binding":"UserProfile.Street.Department_{{DocumentLanguage}}","disableUpdates":false,"type":"text"}},{"type":"shape","id":"2ba7d483-1a6d-4c8c-be7a-1b2f9555209e","elementConfiguration":{"binding":"UserProfile.Name","disableUpdates":false,"type":"text"}},{"type":"shape","id":"808c4f7b-dee1-4289-a783-366d263722e8","elementConfiguration":{"format":"{{DateFormats.GeneralDate}}","binding":"Form.Date","visibility":{"action":"hide","binding":"Form.IncludeDate.Valg","operator":"equals","compareValue":"Ingen dato","compareValues":[]},"disableUpdates":false,"type":"date"}},{"type":"shape","id":"9225c919-5532-4893-9a41-e86f8e64d2f4","elementConfiguration":{"inheritDimensions":"inheritNone","height":"0.9 cm","binding":"UserProfile.LogoInsertion.LogoPP_White_{{DocumentLanguage}}","disableUpdates":false,"type":"image"}},{"type":"shape","id":"57acf30c-7fb3-4d41-8e06-af68bd17025a","elementConfiguration":{"binding":"UserProfile.Street.Department_{{DocumentLanguage}}","disableUpdates":false,"type":"text"}},{"type":"shape","id":"7f88d397-8364-4ba7-b669-e19086cf980a","elementConfiguration":{"binding":"UserProfile.Name","disableUpdates":false,"type":"text"}},{"type":"shape","id":"796f899b-698b-4297-ba0c-1885ff858cac","elementConfiguration":{"inheritDimensions":"inheritNone","height":"0.9 cm","binding":"UserProfile.LogoInsertion.LogoPP_Green_{{DocumentLanguage}}","disableUpdates":false,"type":"image"}},{"type":"shape","id":"8e0eb927-eb0d-46cc-96f8-36af696164ac","elementConfiguration":{"binding":"UserProfile.Street.Department_{{DocumentLanguage}}","disableUpdates":false,"type":"text"}},{"type":"shape","id":"a4ef6f87-6fed-4783-9f6e-cba41af0afef","elementConfiguration":{"binding":"UserProfile.Name","disableUpdates":false,"type":"text"}},{"type":"shape","id":"b13dd203-431b-45fc-9d4e-ae728807ca3f","elementConfiguration":{"inheritDimensions":"inheritNone","height":"0.9 cm","binding":"UserProfile.LogoInsertion.LogoPP_White_{{DocumentLanguage}}","disableUpdates":false,"type":"image"}},{"type":"shape","id":"58328b4b-6d7d-4c78-98e7-1d8f49532321","elementConfiguration":{"binding":"UserProfile.Street.Department_{{DocumentLanguage}}","disableUpdates":false,"type":"text"}},{"type":"shape","id":"a1cff313-e64b-4b8c-a0f8-8ddefc4fc2d2","elementConfiguration":{"binding":"UserProfile.Name","disableUpdates":false,"type":"text"}},{"type":"shape","id":"e2eab8eb-21db-47dc-805f-4b750d9de93d","elementConfiguration":{"inheritDimensions":"inheritNone","height":"0.9 cm","binding":"UserProfile.LogoInsertion.LogoPP_White_{{DocumentLanguage}}","disableUpdates":false,"type":"image"}},{"type":"shape","id":"6a21be7f-d075-4d12-999e-09c8620efc32","elementConfiguration":{"binding":"UserProfile.Street.Department_{{DocumentLanguage}}","disableUpdates":false,"type":"text"}},{"type":"shape","id":"f5d9d177-9c52-4802-b275-f9f3f30bc0b9","elementConfiguration":{"binding":"UserProfile.Name","disableUpdates":false,"type":"text"}},{"type":"shape","id":"b50a5d97-4632-4b5e-9c30-093534b267bf","elementConfiguration":{"inheritDimensions":"inheritNone","height":"0.9 cm","binding":"UserProfile.LogoInsertion.LogoPP_Green_{{DocumentLanguage}}","disableUpdates":false,"type":"image"}},{"type":"shape","id":"ab6ee7cb-a1b2-4bf5-9734-6478eb9c5a9f","elementConfiguration":{"binding":"UserProfile.Street.Department_{{DocumentLanguage}}","disableUpdates":false,"type":"text"}},{"type":"shape","id":"fe5a9108-89ad-46d6-af99-c71fd7cd11e9","elementConfiguration":{"binding":"UserProfile.Name","disableUpdates":false,"type":"text"}},{"type":"shape","id":"b29dcb14-3ce3-44dd-b977-f64033bd849d","elementConfiguration":{"inheritDimensions":"inheritNone","height":"0.9 cm","binding":"UserProfile.LogoInsertion.LogoPP_Green_{{DocumentLanguage}}","disableUpdates":false,"type":"image"}},{"type":"shape","id":"a57405a6-c257-4e76-aebc-90680add2911","elementConfiguration":{"binding":"UserProfile.Street.Department_{{DocumentLanguage}}","disableUpdates":false,"type":"text"}},{"type":"shape","id":"a121c878-13b7-4d83-a146-527f6556aab3","elementConfiguration":{"binding":"UserProfile.Name","disableUpdates":false,"type":"text"}},{"type":"shape","id":"900c6bec-8056-466b-8c0c-0bcf5aecc7bd","elementConfiguration":{"format":"{{DateFormats.GeneralDate}}","binding":"Form.Date","visibility":{"action":"hide","binding":"Form.IncludeDate.Valg","operator":"equals","compareValue":"Ingen dato"},"disableUpdates":false,"type":"date"}},{"type":"shape","id":"9cec8b94-1978-4abd-882c-fed46f169782","elementConfiguration":{"inheritDimensions":"inheritNone","height":"0.9  cm","binding":"UserProfile.LogoInsertion.LogoPP_Green_{{DocumentLanguage}}","disableUpdates":false,"type":"image"}},{"type":"shape","id":"90f1726e-e5e0-4e41-a611-9f620335e181","elementConfiguration":{"inheritDimensions":"inheritNone","height":"2.7 cm","binding":"UserProfile.LogoInsertion.LogoPP_Center_{{DocumentLanguage}}","disableUpdates":false,"type":"image"}}],"transformationConfigurations":[{"language":"{{DocumentLanguage}}","disableUpdates":false,"type":"proofingLanguage"}],"templateName":"","templateDescription":"","enableDocumentContentUpdater":true,"version":"1.10"}]]></Templafy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136493142034169","enableDocumentContentUpdater":true,"version":"1.10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995265915437233","enableDocumentContentUpdater":true,"version":"1.10"}]]></TemplafySlideTemplateConfiguration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7F3951D730B584AB15B97B4F4B1F22E" ma:contentTypeVersion="2" ma:contentTypeDescription="Create a new document." ma:contentTypeScope="" ma:versionID="70de479a56c3062a9eef6461bb62bc78">
  <xsd:schema xmlns:xsd="http://www.w3.org/2001/XMLSchema" xmlns:xs="http://www.w3.org/2001/XMLSchema" xmlns:p="http://schemas.microsoft.com/office/2006/metadata/properties" xmlns:ns2="48b449a9-b154-4262-b2c7-68687a678234" targetNamespace="http://schemas.microsoft.com/office/2006/metadata/properties" ma:root="true" ma:fieldsID="4fda1cec7e6176a190ccde2fd444b8f7" ns2:_="">
    <xsd:import namespace="48b449a9-b154-4262-b2c7-68687a67823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b449a9-b154-4262-b2c7-68687a67823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995265913249807","enableDocumentContentUpdater":true,"version":"1.1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FormConfiguration><![CDATA[{"formFields":[],"formDataEntries":[]}]]></Templafy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36493142190677","enableDocumentContentUpdater":true,"version":"1.10"}]]></TemplafySlideTemplateConfiguration>
</file>

<file path=customXml/itemProps1.xml><?xml version="1.0" encoding="utf-8"?>
<ds:datastoreItem xmlns:ds="http://schemas.openxmlformats.org/officeDocument/2006/customXml" ds:itemID="{8A275B5B-FCAE-435C-A451-E3F958A4119D}">
  <ds:schemaRefs/>
</ds:datastoreItem>
</file>

<file path=customXml/itemProps10.xml><?xml version="1.0" encoding="utf-8"?>
<ds:datastoreItem xmlns:ds="http://schemas.openxmlformats.org/officeDocument/2006/customXml" ds:itemID="{61836990-3E18-4EB8-B35A-1FD9F16FBC0F}">
  <ds:schemaRefs/>
</ds:datastoreItem>
</file>

<file path=customXml/itemProps11.xml><?xml version="1.0" encoding="utf-8"?>
<ds:datastoreItem xmlns:ds="http://schemas.openxmlformats.org/officeDocument/2006/customXml" ds:itemID="{B74E9D27-FA47-4B1F-85C3-8541EEF5FEC8}">
  <ds:schemaRefs/>
</ds:datastoreItem>
</file>

<file path=customXml/itemProps12.xml><?xml version="1.0" encoding="utf-8"?>
<ds:datastoreItem xmlns:ds="http://schemas.openxmlformats.org/officeDocument/2006/customXml" ds:itemID="{8692E86E-3B0B-4940-B6BD-83AF6F4890BA}">
  <ds:schemaRefs/>
</ds:datastoreItem>
</file>

<file path=customXml/itemProps13.xml><?xml version="1.0" encoding="utf-8"?>
<ds:datastoreItem xmlns:ds="http://schemas.openxmlformats.org/officeDocument/2006/customXml" ds:itemID="{7CE58C7B-439B-4F0E-8424-7F5DF35EB466}">
  <ds:schemaRefs/>
</ds:datastoreItem>
</file>

<file path=customXml/itemProps14.xml><?xml version="1.0" encoding="utf-8"?>
<ds:datastoreItem xmlns:ds="http://schemas.openxmlformats.org/officeDocument/2006/customXml" ds:itemID="{90796D56-7DE8-427A-9901-4436C7B9FDBB}">
  <ds:schemaRefs/>
</ds:datastoreItem>
</file>

<file path=customXml/itemProps15.xml><?xml version="1.0" encoding="utf-8"?>
<ds:datastoreItem xmlns:ds="http://schemas.openxmlformats.org/officeDocument/2006/customXml" ds:itemID="{C15C11D9-51EF-4E81-ABC8-4061100F3537}">
  <ds:schemaRefs/>
</ds:datastoreItem>
</file>

<file path=customXml/itemProps16.xml><?xml version="1.0" encoding="utf-8"?>
<ds:datastoreItem xmlns:ds="http://schemas.openxmlformats.org/officeDocument/2006/customXml" ds:itemID="{318197E0-00A3-4551-951A-03E3D474B5A6}">
  <ds:schemaRefs/>
</ds:datastoreItem>
</file>

<file path=customXml/itemProps17.xml><?xml version="1.0" encoding="utf-8"?>
<ds:datastoreItem xmlns:ds="http://schemas.openxmlformats.org/officeDocument/2006/customXml" ds:itemID="{254FEE61-943D-4BD0-A681-968EDAA1EA28}"/>
</file>

<file path=customXml/itemProps18.xml><?xml version="1.0" encoding="utf-8"?>
<ds:datastoreItem xmlns:ds="http://schemas.openxmlformats.org/officeDocument/2006/customXml" ds:itemID="{FEBD7C75-FC2E-4D5C-91F7-64FDC1303E20}"/>
</file>

<file path=customXml/itemProps19.xml><?xml version="1.0" encoding="utf-8"?>
<ds:datastoreItem xmlns:ds="http://schemas.openxmlformats.org/officeDocument/2006/customXml" ds:itemID="{EDFF411E-E765-477F-8C1D-5DA9FE81BE3F}"/>
</file>

<file path=customXml/itemProps2.xml><?xml version="1.0" encoding="utf-8"?>
<ds:datastoreItem xmlns:ds="http://schemas.openxmlformats.org/officeDocument/2006/customXml" ds:itemID="{6EADC90A-794D-43AE-A83D-CDAC10835B82}">
  <ds:schemaRefs/>
</ds:datastoreItem>
</file>

<file path=customXml/itemProps3.xml><?xml version="1.0" encoding="utf-8"?>
<ds:datastoreItem xmlns:ds="http://schemas.openxmlformats.org/officeDocument/2006/customXml" ds:itemID="{1D9D81F8-0909-49A0-9087-546D855B8FED}">
  <ds:schemaRefs/>
</ds:datastoreItem>
</file>

<file path=customXml/itemProps4.xml><?xml version="1.0" encoding="utf-8"?>
<ds:datastoreItem xmlns:ds="http://schemas.openxmlformats.org/officeDocument/2006/customXml" ds:itemID="{A85C245B-05CF-4585-8196-30B72790B39F}">
  <ds:schemaRefs/>
</ds:datastoreItem>
</file>

<file path=customXml/itemProps5.xml><?xml version="1.0" encoding="utf-8"?>
<ds:datastoreItem xmlns:ds="http://schemas.openxmlformats.org/officeDocument/2006/customXml" ds:itemID="{2E1C988F-5D5F-4760-804B-9FB78FA140A1}">
  <ds:schemaRefs/>
</ds:datastoreItem>
</file>

<file path=customXml/itemProps6.xml><?xml version="1.0" encoding="utf-8"?>
<ds:datastoreItem xmlns:ds="http://schemas.openxmlformats.org/officeDocument/2006/customXml" ds:itemID="{728E1321-6752-43EE-A83D-4C6B7F76E504}">
  <ds:schemaRefs/>
</ds:datastoreItem>
</file>

<file path=customXml/itemProps7.xml><?xml version="1.0" encoding="utf-8"?>
<ds:datastoreItem xmlns:ds="http://schemas.openxmlformats.org/officeDocument/2006/customXml" ds:itemID="{1735DF17-42B4-4EEA-9208-63C9715709EC}">
  <ds:schemaRefs/>
</ds:datastoreItem>
</file>

<file path=customXml/itemProps8.xml><?xml version="1.0" encoding="utf-8"?>
<ds:datastoreItem xmlns:ds="http://schemas.openxmlformats.org/officeDocument/2006/customXml" ds:itemID="{B349C44D-80BD-4444-9390-5A0A3CFE3153}">
  <ds:schemaRefs/>
</ds:datastoreItem>
</file>

<file path=customXml/itemProps9.xml><?xml version="1.0" encoding="utf-8"?>
<ds:datastoreItem xmlns:ds="http://schemas.openxmlformats.org/officeDocument/2006/customXml" ds:itemID="{9EC51998-ADE9-4223-ACC1-9EDD650C208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682</Words>
  <Application>Microsoft Office PowerPoint</Application>
  <PresentationFormat>Widescreen</PresentationFormat>
  <Paragraphs>106</Paragraphs>
  <Slides>1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9" baseType="lpstr">
      <vt:lpstr>Arial</vt:lpstr>
      <vt:lpstr>Arial Black</vt:lpstr>
      <vt:lpstr>Calibri</vt:lpstr>
      <vt:lpstr>Verdana</vt:lpstr>
      <vt:lpstr>Blank</vt:lpstr>
      <vt:lpstr>University College Northern Denmark</vt:lpstr>
      <vt:lpstr>University colleges  in Denmark   </vt:lpstr>
      <vt:lpstr>PowerPoint Presentation</vt:lpstr>
      <vt:lpstr>Who is involved from UCN’s Teacher Education?</vt:lpstr>
      <vt:lpstr>International practicum</vt:lpstr>
      <vt:lpstr>Where do our students go for international practicum?</vt:lpstr>
      <vt:lpstr>What have we gained so far quantitatively</vt:lpstr>
      <vt:lpstr>Challenges</vt:lpstr>
      <vt:lpstr>A story: from institutional collaboration to friendships &amp; gifts</vt:lpstr>
      <vt:lpstr>At the final open reflection seminar </vt:lpstr>
      <vt:lpstr>A gift to the school-principal from Samuel</vt:lpstr>
      <vt:lpstr>Julie from UCN – practicum in Ghana – gift-giving</vt:lpstr>
      <vt:lpstr>GLOSS contributions</vt:lpstr>
      <vt:lpstr>Thank you 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8-24T07:17:12Z</dcterms:created>
  <dcterms:modified xsi:type="dcterms:W3CDTF">2022-09-29T13:06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enantId">
    <vt:lpwstr>ucn</vt:lpwstr>
  </property>
  <property fmtid="{D5CDD505-2E9C-101B-9397-08002B2CF9AE}" pid="4" name="TemplafyTemplateId">
    <vt:lpwstr>637980622248841419</vt:lpwstr>
  </property>
  <property fmtid="{D5CDD505-2E9C-101B-9397-08002B2CF9AE}" pid="5" name="TemplafyUserProfileId">
    <vt:lpwstr>637282824857326481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F7F3951D730B584AB15B97B4F4B1F22E</vt:lpwstr>
  </property>
</Properties>
</file>